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914" r:id="rId13"/>
  </p:sldMasterIdLst>
  <p:notesMasterIdLst>
    <p:notesMasterId r:id="rId25"/>
  </p:notesMasterIdLst>
  <p:sldIdLst>
    <p:sldId id="2147482451" r:id="rId14"/>
    <p:sldId id="2147482449" r:id="rId15"/>
    <p:sldId id="2147482452" r:id="rId16"/>
    <p:sldId id="2147482453" r:id="rId17"/>
    <p:sldId id="2147482461" r:id="rId18"/>
    <p:sldId id="2147482454" r:id="rId19"/>
    <p:sldId id="2147482456" r:id="rId20"/>
    <p:sldId id="2147482458" r:id="rId21"/>
    <p:sldId id="2147482459" r:id="rId22"/>
    <p:sldId id="2147482460" r:id="rId23"/>
    <p:sldId id="2147482450" r:id="rId24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07D7910-AFBB-81F4-F78D-D1CB22DB25FB}" name="Szurley, Andrew" initials="SA" userId="S::andrew.szurley@philips.com::2a97ee8d-9f17-4a30-b925-492e83adfd1a" providerId="AD"/>
  <p188:author id="{BCD857D6-1095-ECB9-98FC-A23831D54D07}" name="Molly Millette" initials="MM" userId="Molly Millette" providerId="None"/>
  <p188:author id="{59FBEAEC-950D-838A-404F-595B59C2B3AE}" name="Baranyi, Katalin" initials="BK" userId="S::katalin.baranyi@philips.com::29601c16-b456-4b26-996e-60c2ac4db5c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7E7E7"/>
    <a:srgbClr val="C4C4C4"/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  <p:ext uri="{1BD7E111-0CB8-44D6-8891-C1BB2F81B7CC}">
      <p1710:readonlyRecommended xmlns:p1710="http://schemas.microsoft.com/office/powerpoint/2017/10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08FB837D-C827-4EFA-A057-4D05807E0F7C}" styleName="テーマ スタイル 1 - アクセント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  <a:tblStyle styleId="{5C22544A-7EE6-4342-B048-85BDC9FD1C3A}" styleName="中間スタイル 2 - アクセント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660B408-B3CF-4A94-85FC-2B1E0A45F4A2}" styleName="濃色スタイル 2 - アクセント 1/アクセント 2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accent1">
              <a:tint val="20000"/>
            </a:schemeClr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2"/>
          </a:solidFill>
        </a:fill>
      </a:tcStyle>
    </a:firstRow>
  </a:tblStyle>
  <a:tblStyle styleId="{85BE263C-DBD7-4A20-BB59-AAB30ACAA65A}" styleName="中間スタイル 3 - アクセント 2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0014" autoAdjust="0"/>
    <p:restoredTop sz="94660"/>
  </p:normalViewPr>
  <p:slideViewPr>
    <p:cSldViewPr snapToGrid="0">
      <p:cViewPr varScale="1">
        <p:scale>
          <a:sx n="123" d="100"/>
          <a:sy n="123" d="100"/>
        </p:scale>
        <p:origin x="96" y="139"/>
      </p:cViewPr>
      <p:guideLst>
        <p:guide orient="horz" pos="1620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8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viewProps" Target="viewProps.xml"/><Relationship Id="rId30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佐藤英幸" userId="054673d6-b3e5-4fb5-982f-20996ff9b611" providerId="ADAL" clId="{0D9AB38C-0610-4DF3-9CA2-3A9CAAF5B864}"/>
    <pc:docChg chg="modSld">
      <pc:chgData name="佐藤英幸" userId="054673d6-b3e5-4fb5-982f-20996ff9b611" providerId="ADAL" clId="{0D9AB38C-0610-4DF3-9CA2-3A9CAAF5B864}" dt="2026-04-05T05:55:01.684" v="99" actId="113"/>
      <pc:docMkLst>
        <pc:docMk/>
      </pc:docMkLst>
      <pc:sldChg chg="modSp mod">
        <pc:chgData name="佐藤英幸" userId="054673d6-b3e5-4fb5-982f-20996ff9b611" providerId="ADAL" clId="{0D9AB38C-0610-4DF3-9CA2-3A9CAAF5B864}" dt="2026-04-05T05:55:01.684" v="99" actId="113"/>
        <pc:sldMkLst>
          <pc:docMk/>
          <pc:sldMk cId="4155076322" sldId="2147482449"/>
        </pc:sldMkLst>
        <pc:spChg chg="mod">
          <ac:chgData name="佐藤英幸" userId="054673d6-b3e5-4fb5-982f-20996ff9b611" providerId="ADAL" clId="{0D9AB38C-0610-4DF3-9CA2-3A9CAAF5B864}" dt="2026-04-05T05:55:01.684" v="99" actId="113"/>
          <ac:spMkLst>
            <pc:docMk/>
            <pc:sldMk cId="4155076322" sldId="2147482449"/>
            <ac:spMk id="7" creationId="{0DB083D8-076F-0D95-0EE2-A56B2F64655D}"/>
          </ac:spMkLst>
        </pc:sp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4/7/2026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52741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195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1169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26076"/>
            <a:ext cx="6169658" cy="109728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8FA1B3DF-B7F7-A6FC-D2DA-37DFA813DC5D}"/>
              </a:ext>
            </a:extLst>
          </p:cNvPr>
          <p:cNvSpPr/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318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109B459C-0533-A2BA-FEF5-F5A57150BBD3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1E0A8037-C86C-B069-5E81-6927454627E2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4CCA470A-EDFC-4267-5BD2-6E9CA92A0EA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57586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coral (with image)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51AD63CE-F2AD-16D0-5FA9-C9B1AD329701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4A0140F8-C1DA-D543-E73B-826A34144CED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rgbClr val="0B5ED7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F303C8DA-7DAA-6B46-DF91-43499FB65FC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47593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2F4B2C2-825D-08DB-6EEA-E698EE6DDB3F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DC43E1-3C41-8B31-8EB9-6D6F6848EA01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4E2843C6-8DAB-3466-178F-F71F32616C8B}"/>
              </a:ext>
            </a:extLst>
          </p:cNvPr>
          <p:cNvSpPr txBox="1">
            <a:spLocks/>
          </p:cNvSpPr>
          <p:nvPr userDrawn="1"/>
        </p:nvSpPr>
        <p:spPr>
          <a:xfrm>
            <a:off x="6656210" y="4928946"/>
            <a:ext cx="1141589" cy="118768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2025 </a:t>
            </a:r>
            <a:r>
              <a:rPr lang="en-US" dirty="0" err="1">
                <a:solidFill>
                  <a:schemeClr val="bg1"/>
                </a:solidFill>
                <a:latin typeface="+mj-lt"/>
              </a:rPr>
              <a:t>Koninklijke</a:t>
            </a:r>
            <a:r>
              <a:rPr lang="en-US" dirty="0">
                <a:solidFill>
                  <a:schemeClr val="bg1"/>
                </a:solidFill>
                <a:latin typeface="+mj-lt"/>
              </a:rPr>
              <a:t> Philips N.V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6ECCFF-A929-6A5B-CB9E-1BBF7BFB28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E797AE0A-F0AD-C61C-B8A0-BB31D3BB35AF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45087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CFD8FF5D-3680-130D-B55E-0BD741122D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784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F574A60-D183-D19F-88E6-EEE0C3D702F9}"/>
              </a:ext>
            </a:extLst>
          </p:cNvPr>
          <p:cNvSpPr txBox="1">
            <a:spLocks/>
          </p:cNvSpPr>
          <p:nvPr userDrawn="1"/>
        </p:nvSpPr>
        <p:spPr>
          <a:xfrm>
            <a:off x="6656210" y="4928945"/>
            <a:ext cx="1135239" cy="118769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2025 </a:t>
            </a:r>
            <a:r>
              <a:rPr lang="en-US" dirty="0" err="1">
                <a:solidFill>
                  <a:schemeClr val="bg1"/>
                </a:solidFill>
                <a:latin typeface="+mj-lt"/>
              </a:rPr>
              <a:t>Koninklijke</a:t>
            </a:r>
            <a:r>
              <a:rPr lang="en-US" dirty="0">
                <a:solidFill>
                  <a:schemeClr val="bg1"/>
                </a:solidFill>
                <a:latin typeface="+mj-lt"/>
              </a:rPr>
              <a:t> Philips N.V.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1B99D331-9587-B883-7DF3-0B9D6E5686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E7296B94-E425-EDA6-3EEF-41ED947C7365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47069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1143315D-23FD-5730-9D7C-25427B45A2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74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B612692-DD73-95A3-A271-007D4B4C16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08252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BD8C952-2371-12B5-E414-3D146114F6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8139929" cy="3484800"/>
          </a:xfrm>
        </p:spPr>
        <p:txBody>
          <a:bodyPr/>
          <a:lstStyle>
            <a:lvl1pPr defTabSz="182880">
              <a:defRPr/>
            </a:lvl1pPr>
            <a:lvl2pPr defTabSz="182880">
              <a:defRPr/>
            </a:lvl2pPr>
            <a:lvl3pPr defTabSz="182880">
              <a:defRPr/>
            </a:lvl3pPr>
            <a:lvl4pPr defTabSz="182880">
              <a:defRPr/>
            </a:lvl4pPr>
            <a:lvl5pPr defTabSz="182880">
              <a:defRPr/>
            </a:lvl5pPr>
          </a:lstStyle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55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つのコンテンツ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3823605" cy="3484800"/>
          </a:xfrm>
        </p:spPr>
        <p:txBody>
          <a:bodyPr/>
          <a:lstStyle/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815819" y="1211263"/>
            <a:ext cx="3823605" cy="3484800"/>
          </a:xfrm>
        </p:spPr>
        <p:txBody>
          <a:bodyPr/>
          <a:lstStyle/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02686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83451" cy="3484800"/>
          </a:xfrm>
        </p:spPr>
        <p:txBody>
          <a:bodyPr/>
          <a:lstStyle/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77487" y="1211263"/>
            <a:ext cx="2383451" cy="3484800"/>
          </a:xfrm>
        </p:spPr>
        <p:txBody>
          <a:bodyPr/>
          <a:lstStyle/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B450D946-063C-E6F2-C532-BF5205DA3DE2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254138" y="1211263"/>
            <a:ext cx="2383451" cy="3484800"/>
          </a:xfrm>
        </p:spPr>
        <p:txBody>
          <a:bodyPr/>
          <a:lstStyle/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42651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607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99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91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340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2" name="Graphic 3">
            <a:extLst>
              <a:ext uri="{FF2B5EF4-FFF2-40B4-BE49-F238E27FC236}">
                <a16:creationId xmlns:a16="http://schemas.microsoft.com/office/drawing/2014/main" id="{5D13E381-82CC-C9E1-035C-82858900B615}"/>
              </a:ext>
            </a:extLst>
          </p:cNvPr>
          <p:cNvSpPr/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07706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raphic 3">
            <a:extLst>
              <a:ext uri="{FF2B5EF4-FFF2-40B4-BE49-F238E27FC236}">
                <a16:creationId xmlns:a16="http://schemas.microsoft.com/office/drawing/2014/main" id="{EBADA7D2-29C7-B0E9-14B3-F904FBA38FE3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rgbClr val="0B5ED7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ABC8AD33-C05E-2F59-C75F-3C6B4606BCD5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custGeom>
            <a:avLst/>
            <a:gdLst>
              <a:gd name="connsiteX0" fmla="*/ 5608154 w 5889128"/>
              <a:gd name="connsiteY0" fmla="*/ 4918488 h 5143500"/>
              <a:gd name="connsiteX1" fmla="*/ 5608161 w 5889128"/>
              <a:gd name="connsiteY1" fmla="*/ 4918496 h 5143500"/>
              <a:gd name="connsiteX2" fmla="*/ 5608154 w 5889128"/>
              <a:gd name="connsiteY2" fmla="*/ 4918507 h 5143500"/>
              <a:gd name="connsiteX3" fmla="*/ 5503289 w 5889128"/>
              <a:gd name="connsiteY3" fmla="*/ 4908488 h 5143500"/>
              <a:gd name="connsiteX4" fmla="*/ 5528554 w 5889128"/>
              <a:gd name="connsiteY4" fmla="*/ 4930911 h 5143500"/>
              <a:gd name="connsiteX5" fmla="*/ 5503289 w 5889128"/>
              <a:gd name="connsiteY5" fmla="*/ 4955720 h 5143500"/>
              <a:gd name="connsiteX6" fmla="*/ 5497566 w 5889128"/>
              <a:gd name="connsiteY6" fmla="*/ 4955720 h 5143500"/>
              <a:gd name="connsiteX7" fmla="*/ 5497566 w 5889128"/>
              <a:gd name="connsiteY7" fmla="*/ 4908607 h 5143500"/>
              <a:gd name="connsiteX8" fmla="*/ 5503289 w 5889128"/>
              <a:gd name="connsiteY8" fmla="*/ 4908488 h 5143500"/>
              <a:gd name="connsiteX9" fmla="*/ 5055698 w 5889128"/>
              <a:gd name="connsiteY9" fmla="*/ 4908488 h 5143500"/>
              <a:gd name="connsiteX10" fmla="*/ 5080964 w 5889128"/>
              <a:gd name="connsiteY10" fmla="*/ 4930911 h 5143500"/>
              <a:gd name="connsiteX11" fmla="*/ 5055698 w 5889128"/>
              <a:gd name="connsiteY11" fmla="*/ 4955720 h 5143500"/>
              <a:gd name="connsiteX12" fmla="*/ 5049976 w 5889128"/>
              <a:gd name="connsiteY12" fmla="*/ 4955720 h 5143500"/>
              <a:gd name="connsiteX13" fmla="*/ 5049976 w 5889128"/>
              <a:gd name="connsiteY13" fmla="*/ 4908607 h 5143500"/>
              <a:gd name="connsiteX14" fmla="*/ 5055698 w 5889128"/>
              <a:gd name="connsiteY14" fmla="*/ 4908488 h 5143500"/>
              <a:gd name="connsiteX15" fmla="*/ 5401759 w 5889128"/>
              <a:gd name="connsiteY15" fmla="*/ 4889411 h 5143500"/>
              <a:gd name="connsiteX16" fmla="*/ 5401759 w 5889128"/>
              <a:gd name="connsiteY16" fmla="*/ 5003417 h 5143500"/>
              <a:gd name="connsiteX17" fmla="*/ 5436559 w 5889128"/>
              <a:gd name="connsiteY17" fmla="*/ 5003417 h 5143500"/>
              <a:gd name="connsiteX18" fmla="*/ 5436559 w 5889128"/>
              <a:gd name="connsiteY18" fmla="*/ 4889411 h 5143500"/>
              <a:gd name="connsiteX19" fmla="*/ 5321199 w 5889128"/>
              <a:gd name="connsiteY19" fmla="*/ 4889411 h 5143500"/>
              <a:gd name="connsiteX20" fmla="*/ 5321199 w 5889128"/>
              <a:gd name="connsiteY20" fmla="*/ 5003417 h 5143500"/>
              <a:gd name="connsiteX21" fmla="*/ 5384117 w 5889128"/>
              <a:gd name="connsiteY21" fmla="*/ 5003417 h 5143500"/>
              <a:gd name="connsiteX22" fmla="*/ 5389364 w 5889128"/>
              <a:gd name="connsiteY22" fmla="*/ 4980519 h 5143500"/>
              <a:gd name="connsiteX23" fmla="*/ 5355999 w 5889128"/>
              <a:gd name="connsiteY23" fmla="*/ 4980519 h 5143500"/>
              <a:gd name="connsiteX24" fmla="*/ 5355999 w 5889128"/>
              <a:gd name="connsiteY24" fmla="*/ 4889411 h 5143500"/>
              <a:gd name="connsiteX25" fmla="*/ 5260667 w 5889128"/>
              <a:gd name="connsiteY25" fmla="*/ 4889411 h 5143500"/>
              <a:gd name="connsiteX26" fmla="*/ 5260667 w 5889128"/>
              <a:gd name="connsiteY26" fmla="*/ 5003417 h 5143500"/>
              <a:gd name="connsiteX27" fmla="*/ 5295467 w 5889128"/>
              <a:gd name="connsiteY27" fmla="*/ 5003417 h 5143500"/>
              <a:gd name="connsiteX28" fmla="*/ 5295467 w 5889128"/>
              <a:gd name="connsiteY28" fmla="*/ 4889411 h 5143500"/>
              <a:gd name="connsiteX29" fmla="*/ 5129101 w 5889128"/>
              <a:gd name="connsiteY29" fmla="*/ 4889411 h 5143500"/>
              <a:gd name="connsiteX30" fmla="*/ 5129101 w 5889128"/>
              <a:gd name="connsiteY30" fmla="*/ 5003417 h 5143500"/>
              <a:gd name="connsiteX31" fmla="*/ 5163900 w 5889128"/>
              <a:gd name="connsiteY31" fmla="*/ 5003417 h 5143500"/>
              <a:gd name="connsiteX32" fmla="*/ 5163900 w 5889128"/>
              <a:gd name="connsiteY32" fmla="*/ 4958581 h 5143500"/>
              <a:gd name="connsiteX33" fmla="*/ 5200126 w 5889128"/>
              <a:gd name="connsiteY33" fmla="*/ 4958581 h 5143500"/>
              <a:gd name="connsiteX34" fmla="*/ 5200126 w 5889128"/>
              <a:gd name="connsiteY34" fmla="*/ 5003417 h 5143500"/>
              <a:gd name="connsiteX35" fmla="*/ 5234926 w 5889128"/>
              <a:gd name="connsiteY35" fmla="*/ 5003417 h 5143500"/>
              <a:gd name="connsiteX36" fmla="*/ 5234926 w 5889128"/>
              <a:gd name="connsiteY36" fmla="*/ 4889411 h 5143500"/>
              <a:gd name="connsiteX37" fmla="*/ 5200126 w 5889128"/>
              <a:gd name="connsiteY37" fmla="*/ 4889411 h 5143500"/>
              <a:gd name="connsiteX38" fmla="*/ 5200126 w 5889128"/>
              <a:gd name="connsiteY38" fmla="*/ 4934732 h 5143500"/>
              <a:gd name="connsiteX39" fmla="*/ 5163900 w 5889128"/>
              <a:gd name="connsiteY39" fmla="*/ 4934732 h 5143500"/>
              <a:gd name="connsiteX40" fmla="*/ 5163900 w 5889128"/>
              <a:gd name="connsiteY40" fmla="*/ 4889411 h 5143500"/>
              <a:gd name="connsiteX41" fmla="*/ 5505190 w 5889128"/>
              <a:gd name="connsiteY41" fmla="*/ 4887025 h 5143500"/>
              <a:gd name="connsiteX42" fmla="*/ 5462766 w 5889128"/>
              <a:gd name="connsiteY42" fmla="*/ 4889411 h 5143500"/>
              <a:gd name="connsiteX43" fmla="*/ 5462766 w 5889128"/>
              <a:gd name="connsiteY43" fmla="*/ 5003417 h 5143500"/>
              <a:gd name="connsiteX44" fmla="*/ 5497566 w 5889128"/>
              <a:gd name="connsiteY44" fmla="*/ 5003417 h 5143500"/>
              <a:gd name="connsiteX45" fmla="*/ 5497566 w 5889128"/>
              <a:gd name="connsiteY45" fmla="*/ 4976223 h 5143500"/>
              <a:gd name="connsiteX46" fmla="*/ 5509962 w 5889128"/>
              <a:gd name="connsiteY46" fmla="*/ 4976223 h 5143500"/>
              <a:gd name="connsiteX47" fmla="*/ 5509962 w 5889128"/>
              <a:gd name="connsiteY47" fmla="*/ 4976232 h 5143500"/>
              <a:gd name="connsiteX48" fmla="*/ 5562870 w 5889128"/>
              <a:gd name="connsiteY48" fmla="*/ 4930436 h 5143500"/>
              <a:gd name="connsiteX49" fmla="*/ 5505190 w 5889128"/>
              <a:gd name="connsiteY49" fmla="*/ 4887025 h 5143500"/>
              <a:gd name="connsiteX50" fmla="*/ 5057609 w 5889128"/>
              <a:gd name="connsiteY50" fmla="*/ 4887025 h 5143500"/>
              <a:gd name="connsiteX51" fmla="*/ 5015185 w 5889128"/>
              <a:gd name="connsiteY51" fmla="*/ 4889411 h 5143500"/>
              <a:gd name="connsiteX52" fmla="*/ 5015185 w 5889128"/>
              <a:gd name="connsiteY52" fmla="*/ 5003417 h 5143500"/>
              <a:gd name="connsiteX53" fmla="*/ 5049985 w 5889128"/>
              <a:gd name="connsiteY53" fmla="*/ 5003417 h 5143500"/>
              <a:gd name="connsiteX54" fmla="*/ 5049985 w 5889128"/>
              <a:gd name="connsiteY54" fmla="*/ 4976223 h 5143500"/>
              <a:gd name="connsiteX55" fmla="*/ 5062380 w 5889128"/>
              <a:gd name="connsiteY55" fmla="*/ 4976223 h 5143500"/>
              <a:gd name="connsiteX56" fmla="*/ 5062371 w 5889128"/>
              <a:gd name="connsiteY56" fmla="*/ 4976232 h 5143500"/>
              <a:gd name="connsiteX57" fmla="*/ 5115279 w 5889128"/>
              <a:gd name="connsiteY57" fmla="*/ 4930436 h 5143500"/>
              <a:gd name="connsiteX58" fmla="*/ 5057609 w 5889128"/>
              <a:gd name="connsiteY58" fmla="*/ 4887025 h 5143500"/>
              <a:gd name="connsiteX59" fmla="*/ 5620541 w 5889128"/>
              <a:gd name="connsiteY59" fmla="*/ 4887016 h 5143500"/>
              <a:gd name="connsiteX60" fmla="*/ 5573355 w 5889128"/>
              <a:gd name="connsiteY60" fmla="*/ 4921359 h 5143500"/>
              <a:gd name="connsiteX61" fmla="*/ 5627698 w 5889128"/>
              <a:gd name="connsiteY61" fmla="*/ 4971927 h 5143500"/>
              <a:gd name="connsiteX62" fmla="*/ 5609590 w 5889128"/>
              <a:gd name="connsiteY62" fmla="*/ 4982896 h 5143500"/>
              <a:gd name="connsiteX63" fmla="*/ 5570027 w 5889128"/>
              <a:gd name="connsiteY63" fmla="*/ 4973828 h 5143500"/>
              <a:gd name="connsiteX64" fmla="*/ 5573839 w 5889128"/>
              <a:gd name="connsiteY64" fmla="*/ 5000063 h 5143500"/>
              <a:gd name="connsiteX65" fmla="*/ 5610065 w 5889128"/>
              <a:gd name="connsiteY65" fmla="*/ 5005785 h 5143500"/>
              <a:gd name="connsiteX66" fmla="*/ 5662973 w 5889128"/>
              <a:gd name="connsiteY66" fmla="*/ 4967621 h 5143500"/>
              <a:gd name="connsiteX67" fmla="*/ 5616720 w 5889128"/>
              <a:gd name="connsiteY67" fmla="*/ 4928446 h 5143500"/>
              <a:gd name="connsiteX68" fmla="*/ 5608161 w 5889128"/>
              <a:gd name="connsiteY68" fmla="*/ 4918496 h 5143500"/>
              <a:gd name="connsiteX69" fmla="*/ 5612504 w 5889128"/>
              <a:gd name="connsiteY69" fmla="*/ 4911649 h 5143500"/>
              <a:gd name="connsiteX70" fmla="*/ 5624362 w 5889128"/>
              <a:gd name="connsiteY70" fmla="*/ 4909439 h 5143500"/>
              <a:gd name="connsiteX71" fmla="*/ 5655340 w 5889128"/>
              <a:gd name="connsiteY71" fmla="*/ 4915161 h 5143500"/>
              <a:gd name="connsiteX72" fmla="*/ 5652479 w 5889128"/>
              <a:gd name="connsiteY72" fmla="*/ 4890352 h 5143500"/>
              <a:gd name="connsiteX73" fmla="*/ 5620541 w 5889128"/>
              <a:gd name="connsiteY73" fmla="*/ 4887016 h 5143500"/>
              <a:gd name="connsiteX74" fmla="*/ 0 w 5889128"/>
              <a:gd name="connsiteY74" fmla="*/ 0 h 5143500"/>
              <a:gd name="connsiteX75" fmla="*/ 5889128 w 5889128"/>
              <a:gd name="connsiteY75" fmla="*/ 0 h 5143500"/>
              <a:gd name="connsiteX76" fmla="*/ 5889128 w 5889128"/>
              <a:gd name="connsiteY76" fmla="*/ 5143500 h 5143500"/>
              <a:gd name="connsiteX77" fmla="*/ 0 w 5889128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89128" h="5143500">
                <a:moveTo>
                  <a:pt x="5608154" y="4918488"/>
                </a:moveTo>
                <a:lnTo>
                  <a:pt x="5608161" y="4918496"/>
                </a:lnTo>
                <a:lnTo>
                  <a:pt x="5608154" y="4918507"/>
                </a:lnTo>
                <a:close/>
                <a:moveTo>
                  <a:pt x="5503289" y="4908488"/>
                </a:moveTo>
                <a:cubicBezTo>
                  <a:pt x="5520446" y="4908488"/>
                  <a:pt x="5528554" y="4916596"/>
                  <a:pt x="5528554" y="4930911"/>
                </a:cubicBezTo>
                <a:cubicBezTo>
                  <a:pt x="5528554" y="4945701"/>
                  <a:pt x="5521406" y="4955720"/>
                  <a:pt x="5503289" y="4955720"/>
                </a:cubicBezTo>
                <a:lnTo>
                  <a:pt x="5497566" y="4955720"/>
                </a:lnTo>
                <a:lnTo>
                  <a:pt x="5497566" y="4908607"/>
                </a:lnTo>
                <a:cubicBezTo>
                  <a:pt x="5499586" y="4908488"/>
                  <a:pt x="5501497" y="4908488"/>
                  <a:pt x="5503289" y="4908488"/>
                </a:cubicBezTo>
                <a:close/>
                <a:moveTo>
                  <a:pt x="5055698" y="4908488"/>
                </a:moveTo>
                <a:cubicBezTo>
                  <a:pt x="5072856" y="4908488"/>
                  <a:pt x="5080964" y="4916596"/>
                  <a:pt x="5080964" y="4930911"/>
                </a:cubicBezTo>
                <a:cubicBezTo>
                  <a:pt x="5080964" y="4945701"/>
                  <a:pt x="5073816" y="4955720"/>
                  <a:pt x="5055698" y="4955720"/>
                </a:cubicBezTo>
                <a:lnTo>
                  <a:pt x="5049976" y="4955720"/>
                </a:lnTo>
                <a:lnTo>
                  <a:pt x="5049976" y="4908607"/>
                </a:lnTo>
                <a:cubicBezTo>
                  <a:pt x="5052005" y="4908488"/>
                  <a:pt x="5053906" y="4908488"/>
                  <a:pt x="5055698" y="4908488"/>
                </a:cubicBezTo>
                <a:close/>
                <a:moveTo>
                  <a:pt x="5401759" y="4889411"/>
                </a:moveTo>
                <a:lnTo>
                  <a:pt x="5401759" y="5003417"/>
                </a:lnTo>
                <a:lnTo>
                  <a:pt x="5436559" y="5003417"/>
                </a:lnTo>
                <a:lnTo>
                  <a:pt x="5436559" y="4889411"/>
                </a:lnTo>
                <a:close/>
                <a:moveTo>
                  <a:pt x="5321199" y="4889411"/>
                </a:moveTo>
                <a:lnTo>
                  <a:pt x="5321199" y="5003417"/>
                </a:lnTo>
                <a:lnTo>
                  <a:pt x="5384117" y="5003417"/>
                </a:lnTo>
                <a:lnTo>
                  <a:pt x="5389364" y="4980519"/>
                </a:lnTo>
                <a:lnTo>
                  <a:pt x="5355999" y="4980519"/>
                </a:lnTo>
                <a:lnTo>
                  <a:pt x="5355999" y="4889411"/>
                </a:lnTo>
                <a:close/>
                <a:moveTo>
                  <a:pt x="5260667" y="4889411"/>
                </a:moveTo>
                <a:lnTo>
                  <a:pt x="5260667" y="5003417"/>
                </a:lnTo>
                <a:lnTo>
                  <a:pt x="5295467" y="5003417"/>
                </a:lnTo>
                <a:lnTo>
                  <a:pt x="5295467" y="4889411"/>
                </a:lnTo>
                <a:close/>
                <a:moveTo>
                  <a:pt x="5129101" y="4889411"/>
                </a:moveTo>
                <a:lnTo>
                  <a:pt x="5129101" y="5003417"/>
                </a:lnTo>
                <a:lnTo>
                  <a:pt x="5163900" y="5003417"/>
                </a:lnTo>
                <a:lnTo>
                  <a:pt x="5163900" y="4958581"/>
                </a:lnTo>
                <a:lnTo>
                  <a:pt x="5200126" y="4958581"/>
                </a:lnTo>
                <a:lnTo>
                  <a:pt x="5200126" y="5003417"/>
                </a:lnTo>
                <a:lnTo>
                  <a:pt x="5234926" y="5003417"/>
                </a:lnTo>
                <a:lnTo>
                  <a:pt x="5234926" y="4889411"/>
                </a:lnTo>
                <a:lnTo>
                  <a:pt x="5200126" y="4889411"/>
                </a:lnTo>
                <a:lnTo>
                  <a:pt x="5200126" y="4934732"/>
                </a:lnTo>
                <a:lnTo>
                  <a:pt x="5163900" y="4934732"/>
                </a:lnTo>
                <a:lnTo>
                  <a:pt x="5163900" y="4889411"/>
                </a:lnTo>
                <a:close/>
                <a:moveTo>
                  <a:pt x="5505190" y="4887025"/>
                </a:moveTo>
                <a:cubicBezTo>
                  <a:pt x="5491369" y="4887025"/>
                  <a:pt x="5474686" y="4887976"/>
                  <a:pt x="5462766" y="4889411"/>
                </a:cubicBezTo>
                <a:lnTo>
                  <a:pt x="5462766" y="5003417"/>
                </a:lnTo>
                <a:lnTo>
                  <a:pt x="5497566" y="5003417"/>
                </a:lnTo>
                <a:lnTo>
                  <a:pt x="5497566" y="4976223"/>
                </a:lnTo>
                <a:lnTo>
                  <a:pt x="5509962" y="4976223"/>
                </a:lnTo>
                <a:lnTo>
                  <a:pt x="5509962" y="4976232"/>
                </a:lnTo>
                <a:cubicBezTo>
                  <a:pt x="5542376" y="4976232"/>
                  <a:pt x="5562870" y="4959541"/>
                  <a:pt x="5562870" y="4930436"/>
                </a:cubicBezTo>
                <a:cubicBezTo>
                  <a:pt x="5562870" y="4898479"/>
                  <a:pt x="5540940" y="4887025"/>
                  <a:pt x="5505190" y="4887025"/>
                </a:cubicBezTo>
                <a:close/>
                <a:moveTo>
                  <a:pt x="5057609" y="4887025"/>
                </a:moveTo>
                <a:cubicBezTo>
                  <a:pt x="5043787" y="4887025"/>
                  <a:pt x="5027105" y="4887976"/>
                  <a:pt x="5015185" y="4889411"/>
                </a:cubicBezTo>
                <a:lnTo>
                  <a:pt x="5015185" y="5003417"/>
                </a:lnTo>
                <a:lnTo>
                  <a:pt x="5049985" y="5003417"/>
                </a:lnTo>
                <a:lnTo>
                  <a:pt x="5049985" y="4976223"/>
                </a:lnTo>
                <a:lnTo>
                  <a:pt x="5062380" y="4976223"/>
                </a:lnTo>
                <a:lnTo>
                  <a:pt x="5062371" y="4976232"/>
                </a:lnTo>
                <a:cubicBezTo>
                  <a:pt x="5094785" y="4976232"/>
                  <a:pt x="5115279" y="4959541"/>
                  <a:pt x="5115279" y="4930436"/>
                </a:cubicBezTo>
                <a:cubicBezTo>
                  <a:pt x="5115288" y="4898470"/>
                  <a:pt x="5093359" y="4887025"/>
                  <a:pt x="5057609" y="4887025"/>
                </a:cubicBezTo>
                <a:close/>
                <a:moveTo>
                  <a:pt x="5620541" y="4887016"/>
                </a:moveTo>
                <a:cubicBezTo>
                  <a:pt x="5592414" y="4887016"/>
                  <a:pt x="5573355" y="4898104"/>
                  <a:pt x="5573355" y="4921359"/>
                </a:cubicBezTo>
                <a:cubicBezTo>
                  <a:pt x="5573355" y="4961433"/>
                  <a:pt x="5627698" y="4953325"/>
                  <a:pt x="5627698" y="4971927"/>
                </a:cubicBezTo>
                <a:cubicBezTo>
                  <a:pt x="5627698" y="4979084"/>
                  <a:pt x="5622451" y="4982896"/>
                  <a:pt x="5609590" y="4982896"/>
                </a:cubicBezTo>
                <a:cubicBezTo>
                  <a:pt x="5598145" y="4982896"/>
                  <a:pt x="5580512" y="4979084"/>
                  <a:pt x="5570027" y="4973828"/>
                </a:cubicBezTo>
                <a:lnTo>
                  <a:pt x="5573839" y="5000063"/>
                </a:lnTo>
                <a:cubicBezTo>
                  <a:pt x="5584324" y="5003884"/>
                  <a:pt x="5598630" y="5005785"/>
                  <a:pt x="5610065" y="5005785"/>
                </a:cubicBezTo>
                <a:cubicBezTo>
                  <a:pt x="5639143" y="5005785"/>
                  <a:pt x="5662973" y="4996242"/>
                  <a:pt x="5662973" y="4967621"/>
                </a:cubicBezTo>
                <a:cubicBezTo>
                  <a:pt x="5662973" y="4938999"/>
                  <a:pt x="5632137" y="4935869"/>
                  <a:pt x="5616720" y="4928446"/>
                </a:cubicBezTo>
                <a:lnTo>
                  <a:pt x="5608161" y="4918496"/>
                </a:lnTo>
                <a:lnTo>
                  <a:pt x="5612504" y="4911649"/>
                </a:lnTo>
                <a:cubicBezTo>
                  <a:pt x="5615305" y="4910157"/>
                  <a:pt x="5619357" y="4909439"/>
                  <a:pt x="5624362" y="4909439"/>
                </a:cubicBezTo>
                <a:cubicBezTo>
                  <a:pt x="5635322" y="4909439"/>
                  <a:pt x="5647242" y="4911825"/>
                  <a:pt x="5655340" y="4915161"/>
                </a:cubicBezTo>
                <a:lnTo>
                  <a:pt x="5652479" y="4890352"/>
                </a:lnTo>
                <a:cubicBezTo>
                  <a:pt x="5643421" y="4888442"/>
                  <a:pt x="5635322" y="4887016"/>
                  <a:pt x="5620541" y="4887016"/>
                </a:cubicBezTo>
                <a:close/>
                <a:moveTo>
                  <a:pt x="0" y="0"/>
                </a:moveTo>
                <a:lnTo>
                  <a:pt x="5889128" y="0"/>
                </a:lnTo>
                <a:lnTo>
                  <a:pt x="5889128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3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77440" cy="3484800"/>
          </a:xfrm>
        </p:spPr>
        <p:txBody>
          <a:bodyPr/>
          <a:lstStyle/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59367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5889128" cy="5143500"/>
          </a:xfrm>
          <a:prstGeom prst="rect">
            <a:avLst/>
          </a:pr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58065" y="1211263"/>
            <a:ext cx="2377440" cy="3484800"/>
          </a:xfrm>
        </p:spPr>
        <p:txBody>
          <a:bodyPr/>
          <a:lstStyle/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74673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5563654-036F-6829-E30C-B4D3CB5DDED8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3999" cy="5143500"/>
          </a:xfrm>
          <a:custGeom>
            <a:avLst/>
            <a:gdLst>
              <a:gd name="connsiteX0" fmla="*/ 8863025 w 9143999"/>
              <a:gd name="connsiteY0" fmla="*/ 4918488 h 5143500"/>
              <a:gd name="connsiteX1" fmla="*/ 8863036 w 9143999"/>
              <a:gd name="connsiteY1" fmla="*/ 4918501 h 5143500"/>
              <a:gd name="connsiteX2" fmla="*/ 8863025 w 9143999"/>
              <a:gd name="connsiteY2" fmla="*/ 4918507 h 5143500"/>
              <a:gd name="connsiteX3" fmla="*/ 8758160 w 9143999"/>
              <a:gd name="connsiteY3" fmla="*/ 4908488 h 5143500"/>
              <a:gd name="connsiteX4" fmla="*/ 8783425 w 9143999"/>
              <a:gd name="connsiteY4" fmla="*/ 4930911 h 5143500"/>
              <a:gd name="connsiteX5" fmla="*/ 8758160 w 9143999"/>
              <a:gd name="connsiteY5" fmla="*/ 4955720 h 5143500"/>
              <a:gd name="connsiteX6" fmla="*/ 8752437 w 9143999"/>
              <a:gd name="connsiteY6" fmla="*/ 4955720 h 5143500"/>
              <a:gd name="connsiteX7" fmla="*/ 8752437 w 9143999"/>
              <a:gd name="connsiteY7" fmla="*/ 4908607 h 5143500"/>
              <a:gd name="connsiteX8" fmla="*/ 8758160 w 9143999"/>
              <a:gd name="connsiteY8" fmla="*/ 4908488 h 5143500"/>
              <a:gd name="connsiteX9" fmla="*/ 8310569 w 9143999"/>
              <a:gd name="connsiteY9" fmla="*/ 4908488 h 5143500"/>
              <a:gd name="connsiteX10" fmla="*/ 8335835 w 9143999"/>
              <a:gd name="connsiteY10" fmla="*/ 4930911 h 5143500"/>
              <a:gd name="connsiteX11" fmla="*/ 8310569 w 9143999"/>
              <a:gd name="connsiteY11" fmla="*/ 4955720 h 5143500"/>
              <a:gd name="connsiteX12" fmla="*/ 8304847 w 9143999"/>
              <a:gd name="connsiteY12" fmla="*/ 4955720 h 5143500"/>
              <a:gd name="connsiteX13" fmla="*/ 8304847 w 9143999"/>
              <a:gd name="connsiteY13" fmla="*/ 4908607 h 5143500"/>
              <a:gd name="connsiteX14" fmla="*/ 8310569 w 9143999"/>
              <a:gd name="connsiteY14" fmla="*/ 4908488 h 5143500"/>
              <a:gd name="connsiteX15" fmla="*/ 8656630 w 9143999"/>
              <a:gd name="connsiteY15" fmla="*/ 4889411 h 5143500"/>
              <a:gd name="connsiteX16" fmla="*/ 8656630 w 9143999"/>
              <a:gd name="connsiteY16" fmla="*/ 5003417 h 5143500"/>
              <a:gd name="connsiteX17" fmla="*/ 8691430 w 9143999"/>
              <a:gd name="connsiteY17" fmla="*/ 5003417 h 5143500"/>
              <a:gd name="connsiteX18" fmla="*/ 8691430 w 9143999"/>
              <a:gd name="connsiteY18" fmla="*/ 4889411 h 5143500"/>
              <a:gd name="connsiteX19" fmla="*/ 8576070 w 9143999"/>
              <a:gd name="connsiteY19" fmla="*/ 4889411 h 5143500"/>
              <a:gd name="connsiteX20" fmla="*/ 8576070 w 9143999"/>
              <a:gd name="connsiteY20" fmla="*/ 5003417 h 5143500"/>
              <a:gd name="connsiteX21" fmla="*/ 8638988 w 9143999"/>
              <a:gd name="connsiteY21" fmla="*/ 5003417 h 5143500"/>
              <a:gd name="connsiteX22" fmla="*/ 8644235 w 9143999"/>
              <a:gd name="connsiteY22" fmla="*/ 4980519 h 5143500"/>
              <a:gd name="connsiteX23" fmla="*/ 8610870 w 9143999"/>
              <a:gd name="connsiteY23" fmla="*/ 4980519 h 5143500"/>
              <a:gd name="connsiteX24" fmla="*/ 8610870 w 9143999"/>
              <a:gd name="connsiteY24" fmla="*/ 4889411 h 5143500"/>
              <a:gd name="connsiteX25" fmla="*/ 8515538 w 9143999"/>
              <a:gd name="connsiteY25" fmla="*/ 4889411 h 5143500"/>
              <a:gd name="connsiteX26" fmla="*/ 8515538 w 9143999"/>
              <a:gd name="connsiteY26" fmla="*/ 5003417 h 5143500"/>
              <a:gd name="connsiteX27" fmla="*/ 8550338 w 9143999"/>
              <a:gd name="connsiteY27" fmla="*/ 5003417 h 5143500"/>
              <a:gd name="connsiteX28" fmla="*/ 8550338 w 9143999"/>
              <a:gd name="connsiteY28" fmla="*/ 4889411 h 5143500"/>
              <a:gd name="connsiteX29" fmla="*/ 8383972 w 9143999"/>
              <a:gd name="connsiteY29" fmla="*/ 4889411 h 5143500"/>
              <a:gd name="connsiteX30" fmla="*/ 8383972 w 9143999"/>
              <a:gd name="connsiteY30" fmla="*/ 5003417 h 5143500"/>
              <a:gd name="connsiteX31" fmla="*/ 8418771 w 9143999"/>
              <a:gd name="connsiteY31" fmla="*/ 5003417 h 5143500"/>
              <a:gd name="connsiteX32" fmla="*/ 8418771 w 9143999"/>
              <a:gd name="connsiteY32" fmla="*/ 4958581 h 5143500"/>
              <a:gd name="connsiteX33" fmla="*/ 8454997 w 9143999"/>
              <a:gd name="connsiteY33" fmla="*/ 4958581 h 5143500"/>
              <a:gd name="connsiteX34" fmla="*/ 8454997 w 9143999"/>
              <a:gd name="connsiteY34" fmla="*/ 5003417 h 5143500"/>
              <a:gd name="connsiteX35" fmla="*/ 8489797 w 9143999"/>
              <a:gd name="connsiteY35" fmla="*/ 5003417 h 5143500"/>
              <a:gd name="connsiteX36" fmla="*/ 8489797 w 9143999"/>
              <a:gd name="connsiteY36" fmla="*/ 4889411 h 5143500"/>
              <a:gd name="connsiteX37" fmla="*/ 8454997 w 9143999"/>
              <a:gd name="connsiteY37" fmla="*/ 4889411 h 5143500"/>
              <a:gd name="connsiteX38" fmla="*/ 8454997 w 9143999"/>
              <a:gd name="connsiteY38" fmla="*/ 4934732 h 5143500"/>
              <a:gd name="connsiteX39" fmla="*/ 8418771 w 9143999"/>
              <a:gd name="connsiteY39" fmla="*/ 4934732 h 5143500"/>
              <a:gd name="connsiteX40" fmla="*/ 8418771 w 9143999"/>
              <a:gd name="connsiteY40" fmla="*/ 4889411 h 5143500"/>
              <a:gd name="connsiteX41" fmla="*/ 8760061 w 9143999"/>
              <a:gd name="connsiteY41" fmla="*/ 4887025 h 5143500"/>
              <a:gd name="connsiteX42" fmla="*/ 8717637 w 9143999"/>
              <a:gd name="connsiteY42" fmla="*/ 4889411 h 5143500"/>
              <a:gd name="connsiteX43" fmla="*/ 8717637 w 9143999"/>
              <a:gd name="connsiteY43" fmla="*/ 5003417 h 5143500"/>
              <a:gd name="connsiteX44" fmla="*/ 8752437 w 9143999"/>
              <a:gd name="connsiteY44" fmla="*/ 5003417 h 5143500"/>
              <a:gd name="connsiteX45" fmla="*/ 8752437 w 9143999"/>
              <a:gd name="connsiteY45" fmla="*/ 4976223 h 5143500"/>
              <a:gd name="connsiteX46" fmla="*/ 8764833 w 9143999"/>
              <a:gd name="connsiteY46" fmla="*/ 4976223 h 5143500"/>
              <a:gd name="connsiteX47" fmla="*/ 8764833 w 9143999"/>
              <a:gd name="connsiteY47" fmla="*/ 4976232 h 5143500"/>
              <a:gd name="connsiteX48" fmla="*/ 8817741 w 9143999"/>
              <a:gd name="connsiteY48" fmla="*/ 4930436 h 5143500"/>
              <a:gd name="connsiteX49" fmla="*/ 8760061 w 9143999"/>
              <a:gd name="connsiteY49" fmla="*/ 4887025 h 5143500"/>
              <a:gd name="connsiteX50" fmla="*/ 8312480 w 9143999"/>
              <a:gd name="connsiteY50" fmla="*/ 4887025 h 5143500"/>
              <a:gd name="connsiteX51" fmla="*/ 8270056 w 9143999"/>
              <a:gd name="connsiteY51" fmla="*/ 4889411 h 5143500"/>
              <a:gd name="connsiteX52" fmla="*/ 8270056 w 9143999"/>
              <a:gd name="connsiteY52" fmla="*/ 5003417 h 5143500"/>
              <a:gd name="connsiteX53" fmla="*/ 8304856 w 9143999"/>
              <a:gd name="connsiteY53" fmla="*/ 5003417 h 5143500"/>
              <a:gd name="connsiteX54" fmla="*/ 8304856 w 9143999"/>
              <a:gd name="connsiteY54" fmla="*/ 4976223 h 5143500"/>
              <a:gd name="connsiteX55" fmla="*/ 8317251 w 9143999"/>
              <a:gd name="connsiteY55" fmla="*/ 4976223 h 5143500"/>
              <a:gd name="connsiteX56" fmla="*/ 8317242 w 9143999"/>
              <a:gd name="connsiteY56" fmla="*/ 4976232 h 5143500"/>
              <a:gd name="connsiteX57" fmla="*/ 8370150 w 9143999"/>
              <a:gd name="connsiteY57" fmla="*/ 4930436 h 5143500"/>
              <a:gd name="connsiteX58" fmla="*/ 8312480 w 9143999"/>
              <a:gd name="connsiteY58" fmla="*/ 4887025 h 5143500"/>
              <a:gd name="connsiteX59" fmla="*/ 8875412 w 9143999"/>
              <a:gd name="connsiteY59" fmla="*/ 4887016 h 5143500"/>
              <a:gd name="connsiteX60" fmla="*/ 8828226 w 9143999"/>
              <a:gd name="connsiteY60" fmla="*/ 4921359 h 5143500"/>
              <a:gd name="connsiteX61" fmla="*/ 8882569 w 9143999"/>
              <a:gd name="connsiteY61" fmla="*/ 4971927 h 5143500"/>
              <a:gd name="connsiteX62" fmla="*/ 8864461 w 9143999"/>
              <a:gd name="connsiteY62" fmla="*/ 4982896 h 5143500"/>
              <a:gd name="connsiteX63" fmla="*/ 8824898 w 9143999"/>
              <a:gd name="connsiteY63" fmla="*/ 4973828 h 5143500"/>
              <a:gd name="connsiteX64" fmla="*/ 8828710 w 9143999"/>
              <a:gd name="connsiteY64" fmla="*/ 5000063 h 5143500"/>
              <a:gd name="connsiteX65" fmla="*/ 8864936 w 9143999"/>
              <a:gd name="connsiteY65" fmla="*/ 5005785 h 5143500"/>
              <a:gd name="connsiteX66" fmla="*/ 8917844 w 9143999"/>
              <a:gd name="connsiteY66" fmla="*/ 4967621 h 5143500"/>
              <a:gd name="connsiteX67" fmla="*/ 8871590 w 9143999"/>
              <a:gd name="connsiteY67" fmla="*/ 4928446 h 5143500"/>
              <a:gd name="connsiteX68" fmla="*/ 8863036 w 9143999"/>
              <a:gd name="connsiteY68" fmla="*/ 4918501 h 5143500"/>
              <a:gd name="connsiteX69" fmla="*/ 8879233 w 9143999"/>
              <a:gd name="connsiteY69" fmla="*/ 4909439 h 5143500"/>
              <a:gd name="connsiteX70" fmla="*/ 8910211 w 9143999"/>
              <a:gd name="connsiteY70" fmla="*/ 4915161 h 5143500"/>
              <a:gd name="connsiteX71" fmla="*/ 8907350 w 9143999"/>
              <a:gd name="connsiteY71" fmla="*/ 4890352 h 5143500"/>
              <a:gd name="connsiteX72" fmla="*/ 8875412 w 9143999"/>
              <a:gd name="connsiteY72" fmla="*/ 4887016 h 5143500"/>
              <a:gd name="connsiteX73" fmla="*/ 0 w 9143999"/>
              <a:gd name="connsiteY73" fmla="*/ 0 h 5143500"/>
              <a:gd name="connsiteX74" fmla="*/ 9143999 w 9143999"/>
              <a:gd name="connsiteY74" fmla="*/ 0 h 5143500"/>
              <a:gd name="connsiteX75" fmla="*/ 9143999 w 9143999"/>
              <a:gd name="connsiteY75" fmla="*/ 5143500 h 5143500"/>
              <a:gd name="connsiteX76" fmla="*/ 0 w 9143999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3999" h="5143500">
                <a:moveTo>
                  <a:pt x="8863025" y="4918488"/>
                </a:moveTo>
                <a:lnTo>
                  <a:pt x="8863036" y="4918501"/>
                </a:lnTo>
                <a:lnTo>
                  <a:pt x="8863025" y="4918507"/>
                </a:lnTo>
                <a:close/>
                <a:moveTo>
                  <a:pt x="8758160" y="4908488"/>
                </a:moveTo>
                <a:cubicBezTo>
                  <a:pt x="8775317" y="4908488"/>
                  <a:pt x="8783425" y="4916596"/>
                  <a:pt x="8783425" y="4930911"/>
                </a:cubicBezTo>
                <a:cubicBezTo>
                  <a:pt x="8783425" y="4945701"/>
                  <a:pt x="8776277" y="4955720"/>
                  <a:pt x="8758160" y="4955720"/>
                </a:cubicBezTo>
                <a:lnTo>
                  <a:pt x="8752437" y="4955720"/>
                </a:lnTo>
                <a:lnTo>
                  <a:pt x="8752437" y="4908607"/>
                </a:lnTo>
                <a:cubicBezTo>
                  <a:pt x="8754457" y="4908488"/>
                  <a:pt x="8756368" y="4908488"/>
                  <a:pt x="8758160" y="4908488"/>
                </a:cubicBezTo>
                <a:close/>
                <a:moveTo>
                  <a:pt x="8310569" y="4908488"/>
                </a:moveTo>
                <a:cubicBezTo>
                  <a:pt x="8327727" y="4908488"/>
                  <a:pt x="8335835" y="4916596"/>
                  <a:pt x="8335835" y="4930911"/>
                </a:cubicBezTo>
                <a:cubicBezTo>
                  <a:pt x="8335835" y="4945701"/>
                  <a:pt x="8328687" y="4955720"/>
                  <a:pt x="8310569" y="4955720"/>
                </a:cubicBezTo>
                <a:lnTo>
                  <a:pt x="8304847" y="4955720"/>
                </a:lnTo>
                <a:lnTo>
                  <a:pt x="8304847" y="4908607"/>
                </a:lnTo>
                <a:cubicBezTo>
                  <a:pt x="8306876" y="4908488"/>
                  <a:pt x="8308777" y="4908488"/>
                  <a:pt x="8310569" y="4908488"/>
                </a:cubicBezTo>
                <a:close/>
                <a:moveTo>
                  <a:pt x="8656630" y="4889411"/>
                </a:moveTo>
                <a:lnTo>
                  <a:pt x="8656630" y="5003417"/>
                </a:lnTo>
                <a:lnTo>
                  <a:pt x="8691430" y="5003417"/>
                </a:lnTo>
                <a:lnTo>
                  <a:pt x="8691430" y="4889411"/>
                </a:lnTo>
                <a:close/>
                <a:moveTo>
                  <a:pt x="8576070" y="4889411"/>
                </a:moveTo>
                <a:lnTo>
                  <a:pt x="8576070" y="5003417"/>
                </a:lnTo>
                <a:lnTo>
                  <a:pt x="8638988" y="5003417"/>
                </a:lnTo>
                <a:lnTo>
                  <a:pt x="8644235" y="4980519"/>
                </a:lnTo>
                <a:lnTo>
                  <a:pt x="8610870" y="4980519"/>
                </a:lnTo>
                <a:lnTo>
                  <a:pt x="8610870" y="4889411"/>
                </a:lnTo>
                <a:close/>
                <a:moveTo>
                  <a:pt x="8515538" y="4889411"/>
                </a:moveTo>
                <a:lnTo>
                  <a:pt x="8515538" y="5003417"/>
                </a:lnTo>
                <a:lnTo>
                  <a:pt x="8550338" y="5003417"/>
                </a:lnTo>
                <a:lnTo>
                  <a:pt x="8550338" y="4889411"/>
                </a:lnTo>
                <a:close/>
                <a:moveTo>
                  <a:pt x="8383972" y="4889411"/>
                </a:moveTo>
                <a:lnTo>
                  <a:pt x="8383972" y="5003417"/>
                </a:lnTo>
                <a:lnTo>
                  <a:pt x="8418771" y="5003417"/>
                </a:lnTo>
                <a:lnTo>
                  <a:pt x="8418771" y="4958581"/>
                </a:lnTo>
                <a:lnTo>
                  <a:pt x="8454997" y="4958581"/>
                </a:lnTo>
                <a:lnTo>
                  <a:pt x="8454997" y="5003417"/>
                </a:lnTo>
                <a:lnTo>
                  <a:pt x="8489797" y="5003417"/>
                </a:lnTo>
                <a:lnTo>
                  <a:pt x="8489797" y="4889411"/>
                </a:lnTo>
                <a:lnTo>
                  <a:pt x="8454997" y="4889411"/>
                </a:lnTo>
                <a:lnTo>
                  <a:pt x="8454997" y="4934732"/>
                </a:lnTo>
                <a:lnTo>
                  <a:pt x="8418771" y="4934732"/>
                </a:lnTo>
                <a:lnTo>
                  <a:pt x="8418771" y="4889411"/>
                </a:lnTo>
                <a:close/>
                <a:moveTo>
                  <a:pt x="8760061" y="4887025"/>
                </a:moveTo>
                <a:cubicBezTo>
                  <a:pt x="8746240" y="4887025"/>
                  <a:pt x="8729557" y="4887976"/>
                  <a:pt x="8717637" y="4889411"/>
                </a:cubicBezTo>
                <a:lnTo>
                  <a:pt x="8717637" y="5003417"/>
                </a:lnTo>
                <a:lnTo>
                  <a:pt x="8752437" y="5003417"/>
                </a:lnTo>
                <a:lnTo>
                  <a:pt x="8752437" y="4976223"/>
                </a:lnTo>
                <a:lnTo>
                  <a:pt x="8764833" y="4976223"/>
                </a:lnTo>
                <a:lnTo>
                  <a:pt x="8764833" y="4976232"/>
                </a:lnTo>
                <a:cubicBezTo>
                  <a:pt x="8797247" y="4976232"/>
                  <a:pt x="8817741" y="4959541"/>
                  <a:pt x="8817741" y="4930436"/>
                </a:cubicBezTo>
                <a:cubicBezTo>
                  <a:pt x="8817741" y="4898479"/>
                  <a:pt x="8795811" y="4887025"/>
                  <a:pt x="8760061" y="4887025"/>
                </a:cubicBezTo>
                <a:close/>
                <a:moveTo>
                  <a:pt x="8312480" y="4887025"/>
                </a:moveTo>
                <a:cubicBezTo>
                  <a:pt x="8298658" y="4887025"/>
                  <a:pt x="8281976" y="4887976"/>
                  <a:pt x="8270056" y="4889411"/>
                </a:cubicBezTo>
                <a:lnTo>
                  <a:pt x="8270056" y="5003417"/>
                </a:lnTo>
                <a:lnTo>
                  <a:pt x="8304856" y="5003417"/>
                </a:lnTo>
                <a:lnTo>
                  <a:pt x="8304856" y="4976223"/>
                </a:lnTo>
                <a:lnTo>
                  <a:pt x="8317251" y="4976223"/>
                </a:lnTo>
                <a:lnTo>
                  <a:pt x="8317242" y="4976232"/>
                </a:lnTo>
                <a:cubicBezTo>
                  <a:pt x="8349656" y="4976232"/>
                  <a:pt x="8370150" y="4959541"/>
                  <a:pt x="8370150" y="4930436"/>
                </a:cubicBezTo>
                <a:cubicBezTo>
                  <a:pt x="8370159" y="4898470"/>
                  <a:pt x="8348230" y="4887025"/>
                  <a:pt x="8312480" y="4887025"/>
                </a:cubicBezTo>
                <a:close/>
                <a:moveTo>
                  <a:pt x="8875412" y="4887016"/>
                </a:moveTo>
                <a:cubicBezTo>
                  <a:pt x="8847285" y="4887016"/>
                  <a:pt x="8828226" y="4898104"/>
                  <a:pt x="8828226" y="4921359"/>
                </a:cubicBezTo>
                <a:cubicBezTo>
                  <a:pt x="8828226" y="4961433"/>
                  <a:pt x="8882569" y="4953325"/>
                  <a:pt x="8882569" y="4971927"/>
                </a:cubicBezTo>
                <a:cubicBezTo>
                  <a:pt x="8882569" y="4979084"/>
                  <a:pt x="8877322" y="4982896"/>
                  <a:pt x="8864461" y="4982896"/>
                </a:cubicBezTo>
                <a:cubicBezTo>
                  <a:pt x="8853016" y="4982896"/>
                  <a:pt x="8835383" y="4979084"/>
                  <a:pt x="8824898" y="4973828"/>
                </a:cubicBezTo>
                <a:lnTo>
                  <a:pt x="8828710" y="5000063"/>
                </a:lnTo>
                <a:cubicBezTo>
                  <a:pt x="8839195" y="5003884"/>
                  <a:pt x="8853501" y="5005785"/>
                  <a:pt x="8864936" y="5005785"/>
                </a:cubicBezTo>
                <a:cubicBezTo>
                  <a:pt x="8894014" y="5005785"/>
                  <a:pt x="8917844" y="4996242"/>
                  <a:pt x="8917844" y="4967621"/>
                </a:cubicBezTo>
                <a:cubicBezTo>
                  <a:pt x="8917844" y="4938999"/>
                  <a:pt x="8887008" y="4935869"/>
                  <a:pt x="8871590" y="4928446"/>
                </a:cubicBezTo>
                <a:lnTo>
                  <a:pt x="8863036" y="4918501"/>
                </a:lnTo>
                <a:lnTo>
                  <a:pt x="8879233" y="4909439"/>
                </a:lnTo>
                <a:cubicBezTo>
                  <a:pt x="8890193" y="4909439"/>
                  <a:pt x="8902113" y="4911825"/>
                  <a:pt x="8910211" y="4915161"/>
                </a:cubicBezTo>
                <a:lnTo>
                  <a:pt x="8907350" y="4890352"/>
                </a:lnTo>
                <a:cubicBezTo>
                  <a:pt x="8898292" y="4888442"/>
                  <a:pt x="8890193" y="4887016"/>
                  <a:pt x="8875412" y="4887016"/>
                </a:cubicBezTo>
                <a:close/>
                <a:moveTo>
                  <a:pt x="0" y="0"/>
                </a:moveTo>
                <a:lnTo>
                  <a:pt x="9143999" y="0"/>
                </a:lnTo>
                <a:lnTo>
                  <a:pt x="9143999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8705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5B02D2D-78C2-DF6C-44E7-E210869DEA17}"/>
              </a:ext>
            </a:extLst>
          </p:cNvPr>
          <p:cNvSpPr>
            <a:spLocks noGrp="1"/>
          </p:cNvSpPr>
          <p:nvPr userDrawn="1"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7BCE1C-8B2D-2C20-DA1F-914D85142B69}"/>
              </a:ext>
            </a:extLst>
          </p:cNvPr>
          <p:cNvSpPr>
            <a:spLocks noGrp="1"/>
          </p:cNvSpPr>
          <p:nvPr userDrawn="1"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39A65204-B63A-C92D-8559-99D1D30D9D56}"/>
              </a:ext>
            </a:extLst>
          </p:cNvPr>
          <p:cNvSpPr txBox="1">
            <a:spLocks/>
          </p:cNvSpPr>
          <p:nvPr userDrawn="1"/>
        </p:nvSpPr>
        <p:spPr>
          <a:xfrm>
            <a:off x="6656210" y="4928946"/>
            <a:ext cx="1147939" cy="9111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2025 </a:t>
            </a:r>
            <a:r>
              <a:rPr lang="en-US" dirty="0" err="1">
                <a:solidFill>
                  <a:schemeClr val="tx1"/>
                </a:solidFill>
                <a:latin typeface="+mj-lt"/>
              </a:rPr>
              <a:t>Koninklijke</a:t>
            </a:r>
            <a:r>
              <a:rPr lang="en-US" dirty="0">
                <a:solidFill>
                  <a:schemeClr val="tx1"/>
                </a:solidFill>
                <a:latin typeface="+mj-lt"/>
              </a:rPr>
              <a:t> Philips N.V.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01E91343-BDCF-AC3A-40D7-0F1157E570DE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02194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タイトルのみ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5924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C54A277B-7964-B12B-9A03-B942824271BA}"/>
              </a:ext>
            </a:extLst>
          </p:cNvPr>
          <p:cNvSpPr txBox="1">
            <a:spLocks/>
          </p:cNvSpPr>
          <p:nvPr userDrawn="1"/>
        </p:nvSpPr>
        <p:spPr>
          <a:xfrm>
            <a:off x="6656210" y="4928946"/>
            <a:ext cx="1046339" cy="9111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2025 </a:t>
            </a:r>
            <a:r>
              <a:rPr lang="en-US" dirty="0" err="1">
                <a:solidFill>
                  <a:schemeClr val="tx1"/>
                </a:solidFill>
                <a:latin typeface="+mj-lt"/>
              </a:rPr>
              <a:t>Koninklijke</a:t>
            </a:r>
            <a:r>
              <a:rPr lang="en-US" dirty="0">
                <a:solidFill>
                  <a:schemeClr val="tx1"/>
                </a:solidFill>
                <a:latin typeface="+mj-lt"/>
              </a:rPr>
              <a:t> Philips N.V.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27C29E7A-B73D-4E62-4C77-AAD3DBE937AE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41259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962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97991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B5A4746-22DC-AA0B-4718-963106F42FF2}"/>
              </a:ext>
            </a:extLst>
          </p:cNvPr>
          <p:cNvSpPr txBox="1">
            <a:spLocks/>
          </p:cNvSpPr>
          <p:nvPr userDrawn="1"/>
        </p:nvSpPr>
        <p:spPr>
          <a:xfrm>
            <a:off x="6656210" y="4928945"/>
            <a:ext cx="1116189" cy="118769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2025 </a:t>
            </a:r>
            <a:r>
              <a:rPr lang="en-US" dirty="0" err="1">
                <a:solidFill>
                  <a:schemeClr val="bg1"/>
                </a:solidFill>
                <a:latin typeface="+mj-lt"/>
              </a:rPr>
              <a:t>Koninklijke</a:t>
            </a:r>
            <a:r>
              <a:rPr lang="en-US" dirty="0">
                <a:solidFill>
                  <a:schemeClr val="bg1"/>
                </a:solidFill>
                <a:latin typeface="+mj-lt"/>
              </a:rPr>
              <a:t> Philips N.V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EBD3D34-771A-D991-0AFD-D570EC7F6C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lease note: black slides to be used for clinical images only!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51EE049-9196-8C24-394F-BE5DBFD3850F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97317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A49C5B3-0EE3-680C-0685-B2F90A2FAF26}"/>
              </a:ext>
            </a:extLst>
          </p:cNvPr>
          <p:cNvSpPr txBox="1">
            <a:spLocks/>
          </p:cNvSpPr>
          <p:nvPr userDrawn="1"/>
        </p:nvSpPr>
        <p:spPr>
          <a:xfrm>
            <a:off x="6637161" y="4940051"/>
            <a:ext cx="110349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2025 </a:t>
            </a:r>
            <a:r>
              <a:rPr lang="en-US" dirty="0" err="1">
                <a:solidFill>
                  <a:schemeClr val="bg1"/>
                </a:solidFill>
                <a:latin typeface="+mj-lt"/>
              </a:rPr>
              <a:t>Koninklijke</a:t>
            </a:r>
            <a:r>
              <a:rPr lang="en-US" dirty="0">
                <a:solidFill>
                  <a:schemeClr val="bg1"/>
                </a:solidFill>
                <a:latin typeface="+mj-lt"/>
              </a:rPr>
              <a:t> Philips N.V.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6332D85-EA2F-6DDB-7DDF-2C062FF9EA9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06499"/>
            <a:ext cx="8135939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A0211DD-0F60-E2A1-FBD2-3D9D286E69BB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9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FF834536-5D62-6E74-BF5A-1FF0B9592C51}"/>
              </a:ext>
            </a:extLst>
          </p:cNvPr>
          <p:cNvSpPr/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0614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for clinical cas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5FDB047-9967-2145-80C3-D61266F3B592}"/>
              </a:ext>
            </a:extLst>
          </p:cNvPr>
          <p:cNvSpPr txBox="1">
            <a:spLocks/>
          </p:cNvSpPr>
          <p:nvPr userDrawn="1"/>
        </p:nvSpPr>
        <p:spPr>
          <a:xfrm>
            <a:off x="6656210" y="4928946"/>
            <a:ext cx="1109839" cy="76839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2025 </a:t>
            </a:r>
            <a:r>
              <a:rPr lang="en-US" dirty="0" err="1">
                <a:solidFill>
                  <a:schemeClr val="bg1"/>
                </a:solidFill>
                <a:latin typeface="+mj-lt"/>
              </a:rPr>
              <a:t>Koninklijke</a:t>
            </a:r>
            <a:r>
              <a:rPr lang="en-US" dirty="0">
                <a:solidFill>
                  <a:schemeClr val="bg1"/>
                </a:solidFill>
                <a:latin typeface="+mj-lt"/>
              </a:rPr>
              <a:t> Philips N.V.</a:t>
            </a:r>
          </a:p>
        </p:txBody>
      </p:sp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4C3D6067-C121-A6A9-99EE-84CAE8843EE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6DE59561-A21E-9F90-D0F1-D96788F1F4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821466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ja-JP" altLang="en-US"/>
              <a:t>マスター テキストの書式設定</a:t>
            </a:r>
          </a:p>
          <a:p>
            <a:pPr lvl="1"/>
            <a:r>
              <a:rPr lang="ja-JP" altLang="en-US"/>
              <a:t>第 </a:t>
            </a:r>
            <a:r>
              <a:rPr lang="en-US" altLang="ja-JP"/>
              <a:t>2 </a:t>
            </a:r>
            <a:r>
              <a:rPr lang="ja-JP" altLang="en-US"/>
              <a:t>レベル</a:t>
            </a:r>
          </a:p>
          <a:p>
            <a:pPr lvl="2"/>
            <a:r>
              <a:rPr lang="ja-JP" altLang="en-US"/>
              <a:t>第 </a:t>
            </a:r>
            <a:r>
              <a:rPr lang="en-US" altLang="ja-JP"/>
              <a:t>3 </a:t>
            </a:r>
            <a:r>
              <a:rPr lang="ja-JP" altLang="en-US"/>
              <a:t>レベル</a:t>
            </a:r>
          </a:p>
          <a:p>
            <a:pPr lvl="3"/>
            <a:r>
              <a:rPr lang="ja-JP" altLang="en-US"/>
              <a:t>第 </a:t>
            </a:r>
            <a:r>
              <a:rPr lang="en-US" altLang="ja-JP"/>
              <a:t>4 </a:t>
            </a:r>
            <a:r>
              <a:rPr lang="ja-JP" altLang="en-US"/>
              <a:t>レベル</a:t>
            </a:r>
          </a:p>
          <a:p>
            <a:pPr lvl="4"/>
            <a:r>
              <a:rPr lang="ja-JP" altLang="en-US"/>
              <a:t>第 </a:t>
            </a:r>
            <a:r>
              <a:rPr lang="en-US" altLang="ja-JP"/>
              <a:t>5 </a:t>
            </a:r>
            <a:r>
              <a:rPr lang="ja-JP" altLang="en-US"/>
              <a:t>レベル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4A979538-0DC5-6402-C311-241613A2370C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6848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2913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245433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7536EE68-DBDC-3BAA-878D-9EE447BFBAB1}"/>
              </a:ext>
            </a:extLst>
          </p:cNvPr>
          <p:cNvSpPr/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64325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F568C8-1BD7-E7B3-38E2-5B7ED0EA40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8132765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D049C77E-35AD-3CFF-778D-2778583A3DA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3DC6205-A83D-C56E-95E7-87AD3BD94FD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98348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B8B6A192-560C-26DF-0654-5406C61E06FE}"/>
              </a:ext>
            </a:extLst>
          </p:cNvPr>
          <p:cNvSpPr txBox="1">
            <a:spLocks/>
          </p:cNvSpPr>
          <p:nvPr userDrawn="1"/>
        </p:nvSpPr>
        <p:spPr>
          <a:xfrm>
            <a:off x="6656210" y="4928945"/>
            <a:ext cx="1116189" cy="118833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</a:t>
            </a:r>
            <a:r>
              <a:rPr lang="en-US" altLang="ja-JP" dirty="0">
                <a:solidFill>
                  <a:schemeClr val="bg1"/>
                </a:solidFill>
                <a:latin typeface="+mj-lt"/>
              </a:rPr>
              <a:t>2025</a:t>
            </a:r>
            <a:r>
              <a:rPr lang="ja-JP" altLang="en-US" dirty="0">
                <a:solidFill>
                  <a:schemeClr val="bg1"/>
                </a:solidFill>
                <a:latin typeface="+mj-lt"/>
              </a:rPr>
              <a:t> </a:t>
            </a:r>
            <a:r>
              <a:rPr lang="en-US" dirty="0" err="1">
                <a:solidFill>
                  <a:schemeClr val="bg1"/>
                </a:solidFill>
                <a:latin typeface="+mj-lt"/>
              </a:rPr>
              <a:t>Koninklijke</a:t>
            </a:r>
            <a:r>
              <a:rPr lang="en-US" dirty="0">
                <a:solidFill>
                  <a:schemeClr val="bg1"/>
                </a:solidFill>
                <a:latin typeface="+mj-lt"/>
              </a:rPr>
              <a:t> Philips N.V.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74557FD-3C88-91B2-A93D-C292FF65A8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55312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5A40221-5DA6-10A4-CE38-F9D1C18EE09C}"/>
              </a:ext>
            </a:extLst>
          </p:cNvPr>
          <p:cNvSpPr/>
          <p:nvPr userDrawn="1"/>
        </p:nvSpPr>
        <p:spPr>
          <a:xfrm>
            <a:off x="4572000" y="0"/>
            <a:ext cx="4572000" cy="5143500"/>
          </a:xfrm>
          <a:prstGeom prst="rect">
            <a:avLst/>
          </a:prstGeom>
          <a:solidFill>
            <a:schemeClr val="bg1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 dirty="0">
              <a:solidFill>
                <a:schemeClr val="bg1"/>
              </a:solidFill>
            </a:endParaRPr>
          </a:p>
        </p:txBody>
      </p:sp>
      <p:pic>
        <p:nvPicPr>
          <p:cNvPr id="16" name="Graphic 15">
            <a:extLst>
              <a:ext uri="{FF2B5EF4-FFF2-40B4-BE49-F238E27FC236}">
                <a16:creationId xmlns:a16="http://schemas.microsoft.com/office/drawing/2014/main" id="{B74FA7A2-C208-CA8F-FF1F-AA1A5D0C4B5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FDDA9136-D3F9-F711-4B85-494AA9FC0C73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75CE4425-35A1-314D-C48B-0DFD71FE951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 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2D7C9E-6318-F070-BCE4-366530922D6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Tx/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A38994D7-FF6E-89BB-7971-44B59E5419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3657281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14028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3CF0764-DFB5-2754-87CE-F77CA3FFD3CD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760C7FB-B180-5117-2B14-5A6E759E66A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8CC558-3F63-D067-60A8-9C372770394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396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360DB3D-7BF0-14A1-B8F5-D344164BBEB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0EEF85-22C8-02AB-F7C4-D3F7156CA57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F76CAF0A-B4E2-B417-C35B-E116EF9D3810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4012688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3029D1A3-83DA-8590-DBA0-18A90F22E7FA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58D52DC9-CECD-E119-65AB-88BD5ED5C2DD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0CE73CA-8B06-B187-2902-ACEEB863545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4E49EA-D788-2D1C-DE2B-0028D74CD9E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7666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1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ja-JP" altLang="en-US" dirty="0"/>
              <a:t>マスター テキストの書式設定</a:t>
            </a:r>
          </a:p>
          <a:p>
            <a:pPr lvl="1"/>
            <a:r>
              <a:rPr lang="ja-JP" altLang="en-US" dirty="0"/>
              <a:t>第 </a:t>
            </a:r>
            <a:r>
              <a:rPr lang="en-US" altLang="ja-JP" dirty="0"/>
              <a:t>2 </a:t>
            </a:r>
            <a:r>
              <a:rPr lang="ja-JP" altLang="en-US" dirty="0"/>
              <a:t>レベル</a:t>
            </a:r>
          </a:p>
          <a:p>
            <a:pPr lvl="2"/>
            <a:r>
              <a:rPr lang="ja-JP" altLang="en-US" dirty="0"/>
              <a:t>第 </a:t>
            </a:r>
            <a:r>
              <a:rPr lang="en-US" altLang="ja-JP" dirty="0"/>
              <a:t>3 </a:t>
            </a:r>
            <a:r>
              <a:rPr lang="ja-JP" altLang="en-US" dirty="0"/>
              <a:t>レベル</a:t>
            </a:r>
          </a:p>
          <a:p>
            <a:pPr lvl="3"/>
            <a:r>
              <a:rPr lang="ja-JP" altLang="en-US" dirty="0"/>
              <a:t>第 </a:t>
            </a:r>
            <a:r>
              <a:rPr lang="en-US" altLang="ja-JP" dirty="0"/>
              <a:t>4 </a:t>
            </a:r>
            <a:r>
              <a:rPr lang="ja-JP" altLang="en-US" dirty="0"/>
              <a:t>レベル</a:t>
            </a:r>
          </a:p>
          <a:p>
            <a:pPr lvl="4"/>
            <a:r>
              <a:rPr lang="ja-JP" altLang="en-US" dirty="0"/>
              <a:t>第 </a:t>
            </a:r>
            <a:r>
              <a:rPr lang="en-US" altLang="ja-JP" dirty="0"/>
              <a:t>5 </a:t>
            </a:r>
            <a:r>
              <a:rPr lang="ja-JP" altLang="en-US" dirty="0"/>
              <a:t>レベル</a:t>
            </a:r>
            <a:endParaRPr lang="en-US" dirty="0"/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9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ja-JP" altLang="en-US" noProof="0"/>
              <a:t>マスター タイトルの書式設定</a:t>
            </a:r>
            <a:endParaRPr lang="en-US" noProof="0" dirty="0"/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96BED03-B79E-768B-FF09-7F2F6229ED22}"/>
              </a:ext>
            </a:extLst>
          </p:cNvPr>
          <p:cNvSpPr txBox="1">
            <a:spLocks/>
          </p:cNvSpPr>
          <p:nvPr userDrawn="1"/>
        </p:nvSpPr>
        <p:spPr>
          <a:xfrm>
            <a:off x="6656210" y="4928946"/>
            <a:ext cx="1103489" cy="118832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2026 Koninklijke Philips N.V.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53356289-1E30-3F0B-BFA0-B9AFF2A1E47D}"/>
              </a:ext>
            </a:extLst>
          </p:cNvPr>
          <p:cNvPicPr>
            <a:picLocks noChangeAspect="1"/>
          </p:cNvPicPr>
          <p:nvPr userDrawn="1"/>
        </p:nvPicPr>
        <p:blipFill>
          <a:blip r:embed="rId34">
            <a:extLs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  <p:sp>
        <p:nvSpPr>
          <p:cNvPr id="3" name="テキスト ボックス 2">
            <a:extLst>
              <a:ext uri="{FF2B5EF4-FFF2-40B4-BE49-F238E27FC236}">
                <a16:creationId xmlns:a16="http://schemas.microsoft.com/office/drawing/2014/main" id="{3091935E-5297-1034-73DE-41E0BF593CD3}"/>
              </a:ext>
            </a:extLst>
          </p:cNvPr>
          <p:cNvSpPr txBox="1"/>
          <p:nvPr userDrawn="1"/>
        </p:nvSpPr>
        <p:spPr>
          <a:xfrm>
            <a:off x="5208952" y="4449842"/>
            <a:ext cx="3841263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altLang="ja-JP" sz="1000" b="1" dirty="0">
                <a:solidFill>
                  <a:srgbClr val="C4C4C4"/>
                </a:solidFill>
              </a:rPr>
              <a:t>Be Precise, Stay Brilliant - </a:t>
            </a:r>
            <a:r>
              <a:rPr lang="ja-JP" altLang="en-US" sz="1000" b="1" dirty="0">
                <a:solidFill>
                  <a:srgbClr val="C4C4C4"/>
                </a:solidFill>
              </a:rPr>
              <a:t>診断・治療に貢献した工夫と挑戦</a:t>
            </a:r>
            <a:endParaRPr lang="en-US" altLang="ja-JP" sz="1000" b="1" dirty="0">
              <a:solidFill>
                <a:srgbClr val="C4C4C4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62345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15" r:id="rId1"/>
    <p:sldLayoutId id="2147483916" r:id="rId2"/>
    <p:sldLayoutId id="2147483920" r:id="rId3"/>
    <p:sldLayoutId id="2147483922" r:id="rId4"/>
    <p:sldLayoutId id="2147483951" r:id="rId5"/>
    <p:sldLayoutId id="2147483937" r:id="rId6"/>
    <p:sldLayoutId id="2147483925" r:id="rId7"/>
    <p:sldLayoutId id="2147483926" r:id="rId8"/>
    <p:sldLayoutId id="2147483927" r:id="rId9"/>
    <p:sldLayoutId id="2147483928" r:id="rId10"/>
    <p:sldLayoutId id="2147483958" r:id="rId11"/>
    <p:sldLayoutId id="2147483929" r:id="rId12"/>
    <p:sldLayoutId id="2147483930" r:id="rId13"/>
    <p:sldLayoutId id="2147483931" r:id="rId14"/>
    <p:sldLayoutId id="2147483932" r:id="rId15"/>
    <p:sldLayoutId id="2147483959" r:id="rId16"/>
    <p:sldLayoutId id="2147483936" r:id="rId17"/>
    <p:sldLayoutId id="2147483952" r:id="rId18"/>
    <p:sldLayoutId id="2147483961" r:id="rId19"/>
    <p:sldLayoutId id="2147483940" r:id="rId20"/>
    <p:sldLayoutId id="2147483962" r:id="rId21"/>
    <p:sldLayoutId id="2147483954" r:id="rId22"/>
    <p:sldLayoutId id="2147483934" r:id="rId23"/>
    <p:sldLayoutId id="2147483933" r:id="rId24"/>
    <p:sldLayoutId id="2147483935" r:id="rId25"/>
    <p:sldLayoutId id="2147483953" r:id="rId26"/>
    <p:sldLayoutId id="2147483960" r:id="rId27"/>
    <p:sldLayoutId id="2147483955" r:id="rId28"/>
    <p:sldLayoutId id="2147483956" r:id="rId29"/>
    <p:sldLayoutId id="2147483957" r:id="rId30"/>
    <p:sldLayoutId id="2147483948" r:id="rId31"/>
    <p:sldLayoutId id="2147483950" r:id="rId32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buNone/>
        <a:defRPr kumimoji="1"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8288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kumimoji="1"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6576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kumimoji="1"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54864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kumimoji="1"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73152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kumimoji="1"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91440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kumimoji="1" lang="en-IN" sz="14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474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kumimoji="1"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652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kumimoji="1"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828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kumimoji="1"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006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kumimoji="1"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kumimoji="1"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kumimoji="1"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kumimoji="1"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kumimoji="1"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kumimoji="1"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kumimoji="1"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kumimoji="1"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kumimoji="1"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kumimoji="1"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178">
          <p15:clr>
            <a:srgbClr val="A4A3A4"/>
          </p15:clr>
        </p15:guide>
        <p15:guide id="7" orient="horz" pos="2958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7.png"/><Relationship Id="rId7" Type="http://schemas.microsoft.com/office/2007/relationships/hdphoto" Target="../media/hdphoto2.wdp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7.xml"/><Relationship Id="rId6" Type="http://schemas.openxmlformats.org/officeDocument/2006/relationships/image" Target="../media/image9.png"/><Relationship Id="rId5" Type="http://schemas.microsoft.com/office/2007/relationships/hdphoto" Target="../media/hdphoto1.wdp"/><Relationship Id="rId4" Type="http://schemas.openxmlformats.org/officeDocument/2006/relationships/image" Target="../media/image8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F7E511FA-FDCC-0E85-6C6B-E8E62F6D302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body" sz="quarter" idx="10"/>
          </p:nvPr>
        </p:nvSpPr>
        <p:spPr>
          <a:xfrm>
            <a:off x="502920" y="2534042"/>
            <a:ext cx="7980679" cy="1098000"/>
          </a:xfrm>
        </p:spPr>
        <p:txBody>
          <a:bodyPr/>
          <a:lstStyle/>
          <a:p>
            <a:r>
              <a:rPr lang="en-US" sz="3200" dirty="0"/>
              <a:t>2026 Build out Cup </a:t>
            </a:r>
            <a:r>
              <a:rPr lang="ja-JP" altLang="en-US" sz="3200" dirty="0"/>
              <a:t>エントリーシート</a:t>
            </a:r>
            <a:endParaRPr lang="en-US" sz="3200" dirty="0"/>
          </a:p>
          <a:p>
            <a:r>
              <a:rPr lang="en-US" sz="1800" dirty="0"/>
              <a:t>Be Precise, Stay Brilliant - </a:t>
            </a:r>
            <a:r>
              <a:rPr lang="ja-JP" altLang="en-US" sz="1800" dirty="0"/>
              <a:t>診断・治療に貢献した工夫と挑戦</a:t>
            </a:r>
            <a:endParaRPr lang="en-US" altLang="ja-JP" sz="1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989162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コンテンツ プレースホルダー 4">
            <a:extLst>
              <a:ext uri="{FF2B5EF4-FFF2-40B4-BE49-F238E27FC236}">
                <a16:creationId xmlns:a16="http://schemas.microsoft.com/office/drawing/2014/main" id="{38A1F13B-4AD6-2E67-7729-A11786EE3BF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sz="quarter" idx="19"/>
          </p:nvPr>
        </p:nvSpPr>
        <p:spPr>
          <a:xfrm>
            <a:off x="500836" y="1009396"/>
            <a:ext cx="3934316" cy="300082"/>
          </a:xfrm>
        </p:spPr>
        <p:txBody>
          <a:bodyPr/>
          <a:lstStyle/>
          <a:p>
            <a:pPr marL="0" indent="0">
              <a:buNone/>
            </a:pPr>
            <a:r>
              <a:rPr kumimoji="1" lang="en-US" altLang="ja-JP" sz="1100" dirty="0"/>
              <a:t>1. </a:t>
            </a:r>
            <a:r>
              <a:rPr kumimoji="1" lang="ja-JP" altLang="en-US" sz="1100" dirty="0"/>
              <a:t>下記２点をメールに添付をお願いいたします。</a:t>
            </a:r>
            <a:endParaRPr kumimoji="1" lang="en-US" altLang="ja-JP" sz="1100" dirty="0"/>
          </a:p>
          <a:p>
            <a:pPr marL="0" indent="0">
              <a:buNone/>
            </a:pPr>
            <a:endParaRPr lang="en-US" altLang="ja-JP" sz="1100" dirty="0"/>
          </a:p>
          <a:p>
            <a:pPr marL="0" indent="0">
              <a:buNone/>
            </a:pPr>
            <a:endParaRPr kumimoji="1" lang="en-US" altLang="ja-JP" sz="1100" dirty="0"/>
          </a:p>
          <a:p>
            <a:pPr marL="0" indent="0">
              <a:buNone/>
            </a:pPr>
            <a:endParaRPr lang="en-US" altLang="ja-JP" sz="1100" dirty="0"/>
          </a:p>
          <a:p>
            <a:pPr marL="0" indent="0">
              <a:buNone/>
            </a:pPr>
            <a:endParaRPr lang="en-US" altLang="ja-JP" sz="1100" dirty="0"/>
          </a:p>
          <a:p>
            <a:pPr marL="0" indent="0">
              <a:buNone/>
            </a:pPr>
            <a:endParaRPr lang="en-US" altLang="ja-JP" sz="1100" dirty="0"/>
          </a:p>
          <a:p>
            <a:pPr marL="0" indent="0">
              <a:buNone/>
            </a:pPr>
            <a:endParaRPr lang="en-US" altLang="ja-JP" sz="1100" dirty="0"/>
          </a:p>
          <a:p>
            <a:pPr marL="0" indent="0">
              <a:buNone/>
            </a:pPr>
            <a:endParaRPr lang="en-US" altLang="ja-JP" sz="1100" dirty="0"/>
          </a:p>
          <a:p>
            <a:pPr marL="0" indent="0">
              <a:buNone/>
            </a:pPr>
            <a:endParaRPr lang="en-US" altLang="ja-JP" sz="1100" dirty="0"/>
          </a:p>
          <a:p>
            <a:pPr marL="0" indent="0">
              <a:buNone/>
            </a:pPr>
            <a:endParaRPr lang="en-US" altLang="ja-JP" sz="1100" dirty="0"/>
          </a:p>
          <a:p>
            <a:pPr marL="0" indent="0">
              <a:buNone/>
            </a:pPr>
            <a:endParaRPr kumimoji="1" lang="en-US" altLang="ja-JP" sz="1100" dirty="0"/>
          </a:p>
          <a:p>
            <a:pPr marL="0" indent="0">
              <a:buNone/>
            </a:pPr>
            <a:endParaRPr lang="en-US" altLang="ja-JP" sz="1100" dirty="0"/>
          </a:p>
          <a:p>
            <a:pPr marL="0" indent="0">
              <a:buNone/>
            </a:pPr>
            <a:endParaRPr kumimoji="1" lang="en-US" altLang="ja-JP" sz="1100" dirty="0"/>
          </a:p>
          <a:p>
            <a:pPr marL="0" indent="0">
              <a:buNone/>
            </a:pPr>
            <a:endParaRPr kumimoji="1" lang="ja-JP" altLang="en-US" sz="1100" dirty="0"/>
          </a:p>
        </p:txBody>
      </p:sp>
      <p:sp>
        <p:nvSpPr>
          <p:cNvPr id="2" name="タイトル 1">
            <a:extLst>
              <a:ext uri="{FF2B5EF4-FFF2-40B4-BE49-F238E27FC236}">
                <a16:creationId xmlns:a16="http://schemas.microsoft.com/office/drawing/2014/main" id="{854FB229-D7DC-8610-4828-BD70D5FB7F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/>
          </p:nvPr>
        </p:nvSpPr>
        <p:spPr/>
        <p:txBody>
          <a:bodyPr/>
          <a:lstStyle/>
          <a:p>
            <a:r>
              <a:rPr kumimoji="1" lang="ja-JP" altLang="en-US" dirty="0"/>
              <a:t>エントリーシート提出方法について</a:t>
            </a:r>
          </a:p>
        </p:txBody>
      </p:sp>
      <p:sp>
        <p:nvSpPr>
          <p:cNvPr id="3" name="フッター プレースホルダー 2">
            <a:extLst>
              <a:ext uri="{FF2B5EF4-FFF2-40B4-BE49-F238E27FC236}">
                <a16:creationId xmlns:a16="http://schemas.microsoft.com/office/drawing/2014/main" id="{BF448250-A60F-6BA4-7D3B-6F941743059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スライド番号プレースホルダー 3">
            <a:extLst>
              <a:ext uri="{FF2B5EF4-FFF2-40B4-BE49-F238E27FC236}">
                <a16:creationId xmlns:a16="http://schemas.microsoft.com/office/drawing/2014/main" id="{97D5A4A1-5DE9-7A84-87FF-C5F0CA078FC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0</a:t>
            </a:fld>
            <a:endParaRPr lang="en-US" dirty="0"/>
          </a:p>
        </p:txBody>
      </p:sp>
      <p:pic>
        <p:nvPicPr>
          <p:cNvPr id="6" name="図 5">
            <a:extLst>
              <a:ext uri="{FF2B5EF4-FFF2-40B4-BE49-F238E27FC236}">
                <a16:creationId xmlns:a16="http://schemas.microsoft.com/office/drawing/2014/main" id="{C4681098-1424-F904-7876-AA9546191CB3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4794" y="1275033"/>
            <a:ext cx="1386399" cy="779849"/>
          </a:xfrm>
          <a:prstGeom prst="rect">
            <a:avLst/>
          </a:prstGeom>
          <a:ln>
            <a:solidFill>
              <a:schemeClr val="accent1"/>
            </a:solidFill>
          </a:ln>
        </p:spPr>
      </p:pic>
      <p:sp>
        <p:nvSpPr>
          <p:cNvPr id="9" name="テキスト ボックス 8">
            <a:extLst>
              <a:ext uri="{FF2B5EF4-FFF2-40B4-BE49-F238E27FC236}">
                <a16:creationId xmlns:a16="http://schemas.microsoft.com/office/drawing/2014/main" id="{5F6205E0-3F78-4240-CE15-FEDDDE9071A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1403909" y="2196846"/>
            <a:ext cx="2767419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kumimoji="1" lang="ja-JP" altLang="en-US" sz="1050" dirty="0"/>
              <a:t>エントリーシート（</a:t>
            </a:r>
            <a:r>
              <a:rPr kumimoji="1" lang="en-US" altLang="ja-JP" sz="1050" dirty="0"/>
              <a:t>PowerPoint</a:t>
            </a:r>
            <a:r>
              <a:rPr kumimoji="1" lang="ja-JP" altLang="en-US" sz="1050" dirty="0"/>
              <a:t>）</a:t>
            </a:r>
          </a:p>
        </p:txBody>
      </p:sp>
      <p:sp>
        <p:nvSpPr>
          <p:cNvPr id="11" name="テキスト ボックス 10">
            <a:extLst>
              <a:ext uri="{FF2B5EF4-FFF2-40B4-BE49-F238E27FC236}">
                <a16:creationId xmlns:a16="http://schemas.microsoft.com/office/drawing/2014/main" id="{300A1AAE-9698-F74A-D296-C65D183BF62F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500836" y="2685045"/>
            <a:ext cx="6913206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None/>
            </a:pPr>
            <a:r>
              <a:rPr kumimoji="1" lang="en-US" altLang="ja-JP" sz="1100" dirty="0"/>
              <a:t>2. </a:t>
            </a:r>
            <a:r>
              <a:rPr kumimoji="1" lang="ja-JP" altLang="en-US" sz="1100" dirty="0"/>
              <a:t>メール本文には下記内容を記載の上、</a:t>
            </a:r>
            <a:r>
              <a:rPr kumimoji="1" lang="en-US" altLang="ja-JP" sz="1100" dirty="0"/>
              <a:t>Email: </a:t>
            </a:r>
            <a:r>
              <a:rPr kumimoji="1" lang="en-US" altLang="ja-JP" sz="1100" u="sng" dirty="0"/>
              <a:t>ct.applications.japan@philips.com</a:t>
            </a:r>
            <a:r>
              <a:rPr kumimoji="1" lang="ja-JP" altLang="en-US" sz="1100" dirty="0"/>
              <a:t>までお送りください。</a:t>
            </a:r>
            <a:endParaRPr kumimoji="1" lang="en-US" altLang="ja-JP" sz="1100" dirty="0"/>
          </a:p>
        </p:txBody>
      </p:sp>
      <p:pic>
        <p:nvPicPr>
          <p:cNvPr id="15" name="図 14">
            <a:extLst>
              <a:ext uri="{FF2B5EF4-FFF2-40B4-BE49-F238E27FC236}">
                <a16:creationId xmlns:a16="http://schemas.microsoft.com/office/drawing/2014/main" id="{B124AE53-60EC-D691-7FC8-FE72C8A30017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54052" y="1255948"/>
            <a:ext cx="569722" cy="814586"/>
          </a:xfrm>
          <a:prstGeom prst="rect">
            <a:avLst/>
          </a:prstGeom>
          <a:ln>
            <a:solidFill>
              <a:schemeClr val="accent1"/>
            </a:solidFill>
          </a:ln>
        </p:spPr>
      </p:pic>
      <p:pic>
        <p:nvPicPr>
          <p:cNvPr id="1026" name="Picture 2" descr="Microsoft Word Icon PNGs for Free Download">
            <a:extLst>
              <a:ext uri="{FF2B5EF4-FFF2-40B4-BE49-F238E27FC236}">
                <a16:creationId xmlns:a16="http://schemas.microsoft.com/office/drawing/2014/main" id="{C04956B3-2913-F247-5DCC-76937A22C699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4" cstate="print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ackgroundRemoval t="10000" b="90000" l="10000" r="90000">
                        <a14:foregroundMark x1="33571" y1="50714" x2="33571" y2="50714"/>
                        <a14:foregroundMark x1="32755" y1="50714" x2="37143" y2="44184"/>
                        <a14:foregroundMark x1="40714" y1="42041" x2="27041" y2="58571"/>
                        <a14:foregroundMark x1="40000" y1="43469" x2="19796" y2="44898"/>
                        <a14:foregroundMark x1="34286" y1="47755" x2="27755" y2="56429"/>
                        <a14:foregroundMark x1="32041" y1="44184" x2="35000" y2="55714"/>
                        <a14:foregroundMark x1="25612" y1="46327" x2="22653" y2="47041"/>
                        <a14:foregroundMark x1="34286" y1="44184" x2="22653" y2="47041"/>
                        <a14:foregroundMark x1="27755" y1="48469" x2="32755" y2="65102"/>
                        <a14:foregroundMark x1="26327" y1="42041" x2="31327" y2="61531"/>
                        <a14:foregroundMark x1="23367" y1="50714" x2="27041" y2="60816"/>
                        <a14:foregroundMark x1="25612" y1="51429" x2="30612" y2="56429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557813" y="1726182"/>
            <a:ext cx="569722" cy="5697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Powerpoint 2025 icons Icons, Logos, Symbols – Free Download PNG, SVG">
            <a:extLst>
              <a:ext uri="{FF2B5EF4-FFF2-40B4-BE49-F238E27FC236}">
                <a16:creationId xmlns:a16="http://schemas.microsoft.com/office/drawing/2014/main" id="{B570FD94-F5C7-2D51-02E5-458ECA7081B3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ackgroundRemoval t="9250" b="90000" l="7417" r="90417">
                        <a14:foregroundMark x1="12917" y1="57333" x2="9667" y2="76583"/>
                        <a14:foregroundMark x1="9667" y1="76583" x2="13250" y2="80833"/>
                        <a14:foregroundMark x1="10917" y1="46583" x2="7417" y2="71667"/>
                        <a14:foregroundMark x1="27833" y1="57083" x2="24750" y2="66417"/>
                        <a14:foregroundMark x1="31167" y1="61583" x2="19333" y2="70667"/>
                        <a14:foregroundMark x1="19333" y1="70667" x2="29667" y2="59667"/>
                        <a14:foregroundMark x1="29667" y1="59667" x2="21667" y2="55167"/>
                        <a14:foregroundMark x1="16000" y1="58833" x2="20250" y2="68000"/>
                        <a14:foregroundMark x1="24583" y1="57667" x2="17750" y2="57917"/>
                        <a14:foregroundMark x1="18167" y1="57083" x2="19083" y2="70333"/>
                        <a14:foregroundMark x1="19667" y1="71833" x2="19917" y2="74167"/>
                        <a14:foregroundMark x1="46333" y1="9333" x2="53500" y2="11250"/>
                        <a14:foregroundMark x1="44167" y1="90083" x2="49000" y2="90083"/>
                        <a14:foregroundMark x1="90417" y1="55000" x2="88667" y2="48917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586591" y="1780031"/>
            <a:ext cx="469719" cy="4697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6" name="テキスト ボックス 15">
            <a:extLst>
              <a:ext uri="{FF2B5EF4-FFF2-40B4-BE49-F238E27FC236}">
                <a16:creationId xmlns:a16="http://schemas.microsoft.com/office/drawing/2014/main" id="{9214E681-0A67-A441-16AD-A82B6A56BF35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3792838" y="2212498"/>
            <a:ext cx="183620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kumimoji="1" lang="ja-JP" altLang="en-US" sz="1050" dirty="0"/>
              <a:t>著作物利用許諾書（</a:t>
            </a:r>
            <a:r>
              <a:rPr kumimoji="1" lang="en-US" altLang="ja-JP" sz="1050" dirty="0"/>
              <a:t>Word</a:t>
            </a:r>
            <a:r>
              <a:rPr kumimoji="1" lang="ja-JP" altLang="en-US" sz="1050" dirty="0"/>
              <a:t>）</a:t>
            </a:r>
          </a:p>
        </p:txBody>
      </p:sp>
      <p:pic>
        <p:nvPicPr>
          <p:cNvPr id="12" name="図 11" descr="グラフィカル ユーザー インターフェイス, テキスト, アプリケーション, メール&#10;&#10;AI 生成コンテンツは誤りを含む可能性があります。">
            <a:extLst>
              <a:ext uri="{FF2B5EF4-FFF2-40B4-BE49-F238E27FC236}">
                <a16:creationId xmlns:a16="http://schemas.microsoft.com/office/drawing/2014/main" id="{36787CEE-EA1F-E5CF-EB4C-DBDAC08B752F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8"/>
          <a:srcRect b="17776"/>
          <a:stretch>
            <a:fillRect/>
          </a:stretch>
        </p:blipFill>
        <p:spPr>
          <a:xfrm>
            <a:off x="1664426" y="2957903"/>
            <a:ext cx="3272992" cy="1737922"/>
          </a:xfrm>
          <a:prstGeom prst="rect">
            <a:avLst/>
          </a:prstGeom>
          <a:ln>
            <a:solidFill>
              <a:schemeClr val="bg1">
                <a:lumMod val="85000"/>
              </a:schemeClr>
            </a:solidFill>
          </a:ln>
        </p:spPr>
      </p:pic>
      <p:sp>
        <p:nvSpPr>
          <p:cNvPr id="14" name="テキスト ボックス 13">
            <a:extLst>
              <a:ext uri="{FF2B5EF4-FFF2-40B4-BE49-F238E27FC236}">
                <a16:creationId xmlns:a16="http://schemas.microsoft.com/office/drawing/2014/main" id="{291BF0FD-E6C1-DCF7-9677-FADD7F53174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1993891" y="2966598"/>
            <a:ext cx="2177437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altLang="ja-JP" sz="1100" dirty="0"/>
              <a:t>ct.applications.japan@philips.com</a:t>
            </a:r>
            <a:endParaRPr lang="ja-JP" altLang="en-US" sz="1100" dirty="0"/>
          </a:p>
        </p:txBody>
      </p:sp>
      <p:cxnSp>
        <p:nvCxnSpPr>
          <p:cNvPr id="18" name="直線矢印コネクタ 17">
            <a:extLst>
              <a:ext uri="{FF2B5EF4-FFF2-40B4-BE49-F238E27FC236}">
                <a16:creationId xmlns:a16="http://schemas.microsoft.com/office/drawing/2014/main" id="{C1014FE3-2E1C-BBCC-0AD4-0CF3ACBF5ECF}"/>
              </a:ext>
            </a:extLst>
          </p:cNvPr>
          <p:cNvCxnSpPr>
            <a:cxnSpLocks noGrp="1" noRot="1" noMove="1" noResize="1" noEditPoints="1" noAdjustHandles="1" noChangeArrowheads="1" noChangeShapeType="1"/>
          </p:cNvCxnSpPr>
          <p:nvPr/>
        </p:nvCxnSpPr>
        <p:spPr>
          <a:xfrm flipH="1">
            <a:off x="4621763" y="3874731"/>
            <a:ext cx="821094" cy="0"/>
          </a:xfrm>
          <a:prstGeom prst="straightConnector1">
            <a:avLst/>
          </a:prstGeom>
          <a:ln w="19050" cap="flat" cmpd="sng" algn="ctr">
            <a:solidFill>
              <a:schemeClr val="accent3"/>
            </a:solidFill>
            <a:prstDash val="solid"/>
            <a:round/>
            <a:headEnd type="none" w="med" len="med"/>
            <a:tailEnd type="arrow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sp>
        <p:nvSpPr>
          <p:cNvPr id="20" name="テキスト ボックス 19">
            <a:extLst>
              <a:ext uri="{FF2B5EF4-FFF2-40B4-BE49-F238E27FC236}">
                <a16:creationId xmlns:a16="http://schemas.microsoft.com/office/drawing/2014/main" id="{1E391003-484D-FDBE-2702-0F17133E2911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5442857" y="3743926"/>
            <a:ext cx="1127232" cy="25391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kumimoji="1" lang="ja-JP" altLang="en-US" sz="1050" dirty="0"/>
              <a:t>資料２点を添付</a:t>
            </a:r>
          </a:p>
        </p:txBody>
      </p:sp>
      <p:cxnSp>
        <p:nvCxnSpPr>
          <p:cNvPr id="21" name="直線矢印コネクタ 20">
            <a:extLst>
              <a:ext uri="{FF2B5EF4-FFF2-40B4-BE49-F238E27FC236}">
                <a16:creationId xmlns:a16="http://schemas.microsoft.com/office/drawing/2014/main" id="{82E36F35-21D5-E2A4-BDBE-781EEAC30827}"/>
              </a:ext>
            </a:extLst>
          </p:cNvPr>
          <p:cNvCxnSpPr>
            <a:cxnSpLocks noGrp="1" noRot="1" noMove="1" noResize="1" noEditPoints="1" noAdjustHandles="1" noChangeArrowheads="1" noChangeShapeType="1"/>
          </p:cNvCxnSpPr>
          <p:nvPr/>
        </p:nvCxnSpPr>
        <p:spPr>
          <a:xfrm flipH="1">
            <a:off x="3786857" y="4257286"/>
            <a:ext cx="1656000" cy="0"/>
          </a:xfrm>
          <a:prstGeom prst="straightConnector1">
            <a:avLst/>
          </a:prstGeom>
          <a:ln w="19050" cap="flat" cmpd="sng" algn="ctr">
            <a:solidFill>
              <a:schemeClr val="accent3"/>
            </a:solidFill>
            <a:prstDash val="solid"/>
            <a:round/>
            <a:headEnd type="none" w="med" len="med"/>
            <a:tailEnd type="arrow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sp>
        <p:nvSpPr>
          <p:cNvPr id="22" name="テキスト ボックス 21">
            <a:extLst>
              <a:ext uri="{FF2B5EF4-FFF2-40B4-BE49-F238E27FC236}">
                <a16:creationId xmlns:a16="http://schemas.microsoft.com/office/drawing/2014/main" id="{CEE4B394-492D-578B-71C8-A52E855FA361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5442857" y="4128647"/>
            <a:ext cx="3147015" cy="25391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kumimoji="1" lang="ja-JP" altLang="en-US" sz="1050" dirty="0"/>
              <a:t>ご施設名とお名前（日本語＋英語）を本文に記載</a:t>
            </a:r>
          </a:p>
        </p:txBody>
      </p:sp>
    </p:spTree>
    <p:extLst>
      <p:ext uri="{BB962C8B-B14F-4D97-AF65-F5344CB8AC3E}">
        <p14:creationId xmlns:p14="http://schemas.microsoft.com/office/powerpoint/2010/main" val="37957554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1969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22F05DF7-6DCF-481F-5322-08E9F73491A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/>
          </p:nvPr>
        </p:nvSpPr>
        <p:spPr/>
        <p:txBody>
          <a:bodyPr/>
          <a:lstStyle/>
          <a:p>
            <a:r>
              <a:rPr lang="ja-JP" altLang="en-US" dirty="0"/>
              <a:t>エントリーシート注意事項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C2F786F-AABB-B83C-2E47-61A24A2D580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01A556-1BDB-4DD8-A59A-FE31D3FD182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DB083D8-076F-0D95-0EE2-A56B2F64655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sz="quarter" idx="19"/>
          </p:nvPr>
        </p:nvSpPr>
        <p:spPr/>
        <p:txBody>
          <a:bodyPr/>
          <a:lstStyle/>
          <a:p>
            <a:r>
              <a:rPr lang="ja-JP" altLang="en-US" sz="1600" dirty="0"/>
              <a:t>スライドサイズは</a:t>
            </a:r>
            <a:r>
              <a:rPr lang="en-US" altLang="ja-JP" sz="1600" b="1" dirty="0">
                <a:solidFill>
                  <a:srgbClr val="FF0000"/>
                </a:solidFill>
              </a:rPr>
              <a:t>16:9</a:t>
            </a:r>
            <a:r>
              <a:rPr lang="ja-JP" altLang="en-US" sz="1600" dirty="0"/>
              <a:t>で作成してください。</a:t>
            </a:r>
          </a:p>
          <a:p>
            <a:r>
              <a:rPr lang="ja-JP" altLang="en-US" sz="1600" dirty="0"/>
              <a:t>枠のレイアウトは自由に変更可能です。</a:t>
            </a:r>
            <a:endParaRPr lang="en-US" altLang="ja-JP" sz="1600" dirty="0"/>
          </a:p>
          <a:p>
            <a:r>
              <a:rPr lang="ja-JP" altLang="en-US" sz="1600" dirty="0"/>
              <a:t>自由記載枠の</a:t>
            </a:r>
            <a:r>
              <a:rPr lang="ja-JP" altLang="en-US" sz="1600" b="1" dirty="0">
                <a:solidFill>
                  <a:srgbClr val="FF0000"/>
                </a:solidFill>
              </a:rPr>
              <a:t>フォントサイズは</a:t>
            </a:r>
            <a:r>
              <a:rPr lang="en-US" altLang="ja-JP" sz="1600" b="1" dirty="0">
                <a:solidFill>
                  <a:srgbClr val="FF0000"/>
                </a:solidFill>
              </a:rPr>
              <a:t>12</a:t>
            </a:r>
            <a:r>
              <a:rPr lang="ja-JP" altLang="en-US" sz="1600" b="1" dirty="0">
                <a:solidFill>
                  <a:srgbClr val="FF0000"/>
                </a:solidFill>
              </a:rPr>
              <a:t>ポイント</a:t>
            </a:r>
            <a:r>
              <a:rPr lang="ja-JP" altLang="en-US" sz="1600" dirty="0"/>
              <a:t>以上としてください。</a:t>
            </a:r>
          </a:p>
          <a:p>
            <a:r>
              <a:rPr lang="ja-JP" altLang="en-US" sz="1600" dirty="0"/>
              <a:t>スライド枚数の</a:t>
            </a:r>
            <a:r>
              <a:rPr lang="ja-JP" altLang="en-US" sz="1600" b="1" dirty="0">
                <a:solidFill>
                  <a:srgbClr val="FF0000"/>
                </a:solidFill>
              </a:rPr>
              <a:t>追加および動画の挿入は不可</a:t>
            </a:r>
            <a:r>
              <a:rPr lang="ja-JP" altLang="en-US" sz="1600" dirty="0"/>
              <a:t>とします。</a:t>
            </a:r>
            <a:endParaRPr lang="en-US" altLang="ja-JP" sz="1600" dirty="0"/>
          </a:p>
          <a:p>
            <a:r>
              <a:rPr lang="ja-JP" altLang="en-US" sz="1600" dirty="0"/>
              <a:t>症例や臨床画像の使用について、個人情報が特定されないよう配慮してください。</a:t>
            </a:r>
          </a:p>
          <a:p>
            <a:endParaRPr lang="en-GB" sz="1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0763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タイトル 1">
            <a:extLst>
              <a:ext uri="{FF2B5EF4-FFF2-40B4-BE49-F238E27FC236}">
                <a16:creationId xmlns:a16="http://schemas.microsoft.com/office/drawing/2014/main" id="{D48A3B29-016A-354D-1266-1A4345C8F2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ja-JP" altLang="en-US" dirty="0"/>
              <a:t>エントリーシート</a:t>
            </a:r>
            <a:endParaRPr kumimoji="1" lang="ja-JP" altLang="en-US" dirty="0"/>
          </a:p>
        </p:txBody>
      </p:sp>
      <p:sp>
        <p:nvSpPr>
          <p:cNvPr id="3" name="フッター プレースホルダー 2">
            <a:extLst>
              <a:ext uri="{FF2B5EF4-FFF2-40B4-BE49-F238E27FC236}">
                <a16:creationId xmlns:a16="http://schemas.microsoft.com/office/drawing/2014/main" id="{191984D2-5717-E2C7-F07C-4905E50AFC9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スライド番号プレースホルダー 3">
            <a:extLst>
              <a:ext uri="{FF2B5EF4-FFF2-40B4-BE49-F238E27FC236}">
                <a16:creationId xmlns:a16="http://schemas.microsoft.com/office/drawing/2014/main" id="{CF20CCC1-45D8-724F-8070-E42804DA76F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5" name="コンテンツ プレースホルダー 4">
            <a:extLst>
              <a:ext uri="{FF2B5EF4-FFF2-40B4-BE49-F238E27FC236}">
                <a16:creationId xmlns:a16="http://schemas.microsoft.com/office/drawing/2014/main" id="{C4C6660E-9EDD-7F81-A9C1-15D0379CDD3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906829"/>
            <a:ext cx="1345894" cy="225325"/>
          </a:xfrm>
        </p:spPr>
        <p:txBody>
          <a:bodyPr/>
          <a:lstStyle/>
          <a:p>
            <a:pPr marL="0" indent="0">
              <a:buNone/>
            </a:pPr>
            <a:r>
              <a:rPr kumimoji="1" lang="ja-JP" altLang="en-US" dirty="0"/>
              <a:t>タイトル</a:t>
            </a:r>
            <a:endParaRPr kumimoji="1" lang="en-US" altLang="ja-JP" dirty="0"/>
          </a:p>
          <a:p>
            <a:pPr marL="0" indent="0">
              <a:buNone/>
            </a:pPr>
            <a:endParaRPr lang="en-US" altLang="ja-JP" dirty="0"/>
          </a:p>
          <a:p>
            <a:pPr marL="0" indent="0">
              <a:buNone/>
            </a:pPr>
            <a:endParaRPr kumimoji="1" lang="en-US" altLang="ja-JP" dirty="0"/>
          </a:p>
        </p:txBody>
      </p:sp>
      <p:sp>
        <p:nvSpPr>
          <p:cNvPr id="6" name="正方形/長方形 5">
            <a:extLst>
              <a:ext uri="{FF2B5EF4-FFF2-40B4-BE49-F238E27FC236}">
                <a16:creationId xmlns:a16="http://schemas.microsoft.com/office/drawing/2014/main" id="{FB44F3C8-BDE3-7F35-3B32-8F7EFA7D8331}"/>
              </a:ext>
            </a:extLst>
          </p:cNvPr>
          <p:cNvSpPr/>
          <p:nvPr/>
        </p:nvSpPr>
        <p:spPr>
          <a:xfrm>
            <a:off x="502919" y="1151875"/>
            <a:ext cx="8133537" cy="1419875"/>
          </a:xfrm>
          <a:prstGeom prst="rect">
            <a:avLst/>
          </a:prstGeom>
          <a:noFill/>
          <a:ln w="25400" cap="flat" cmpd="sng" algn="ctr">
            <a:solidFill>
              <a:schemeClr val="tx2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kumimoji="1" lang="ja-JP" altLang="en-US" sz="1400" dirty="0" err="1">
              <a:solidFill>
                <a:schemeClr val="bg1"/>
              </a:solidFill>
            </a:endParaRPr>
          </a:p>
        </p:txBody>
      </p:sp>
      <p:sp>
        <p:nvSpPr>
          <p:cNvPr id="7" name="正方形/長方形 6">
            <a:extLst>
              <a:ext uri="{FF2B5EF4-FFF2-40B4-BE49-F238E27FC236}">
                <a16:creationId xmlns:a16="http://schemas.microsoft.com/office/drawing/2014/main" id="{B473236D-FBAD-66D2-D0F1-216318649B30}"/>
              </a:ext>
            </a:extLst>
          </p:cNvPr>
          <p:cNvSpPr/>
          <p:nvPr/>
        </p:nvSpPr>
        <p:spPr>
          <a:xfrm>
            <a:off x="495300" y="3088305"/>
            <a:ext cx="8133537" cy="1241647"/>
          </a:xfrm>
          <a:prstGeom prst="rect">
            <a:avLst/>
          </a:prstGeom>
          <a:noFill/>
          <a:ln w="25400" cap="flat" cmpd="sng" algn="ctr">
            <a:solidFill>
              <a:schemeClr val="tx2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kumimoji="1" lang="ja-JP" altLang="en-US" sz="1400" dirty="0" err="1">
              <a:solidFill>
                <a:schemeClr val="bg1"/>
              </a:solidFill>
            </a:endParaRPr>
          </a:p>
        </p:txBody>
      </p:sp>
      <p:sp>
        <p:nvSpPr>
          <p:cNvPr id="8" name="テキスト ボックス 7">
            <a:extLst>
              <a:ext uri="{FF2B5EF4-FFF2-40B4-BE49-F238E27FC236}">
                <a16:creationId xmlns:a16="http://schemas.microsoft.com/office/drawing/2014/main" id="{475AC792-7DEA-C617-7169-B308A41FD396}"/>
              </a:ext>
            </a:extLst>
          </p:cNvPr>
          <p:cNvSpPr txBox="1"/>
          <p:nvPr/>
        </p:nvSpPr>
        <p:spPr>
          <a:xfrm>
            <a:off x="564535" y="1231256"/>
            <a:ext cx="3935629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kumimoji="1" lang="ja-JP" altLang="en-US" dirty="0"/>
              <a:t>カテゴリー：□</a:t>
            </a:r>
            <a:r>
              <a:rPr kumimoji="1" lang="en-US" altLang="ja-JP" dirty="0"/>
              <a:t>Spectral</a:t>
            </a:r>
            <a:r>
              <a:rPr kumimoji="1" lang="ja-JP" altLang="en-US" dirty="0"/>
              <a:t>部門　□</a:t>
            </a:r>
            <a:r>
              <a:rPr kumimoji="1" lang="en-US" altLang="ja-JP" dirty="0"/>
              <a:t>Conventional</a:t>
            </a:r>
            <a:r>
              <a:rPr kumimoji="1" lang="ja-JP" altLang="en-US" dirty="0"/>
              <a:t>部門</a:t>
            </a:r>
          </a:p>
        </p:txBody>
      </p:sp>
      <p:sp>
        <p:nvSpPr>
          <p:cNvPr id="9" name="コンテンツ プレースホルダー 4">
            <a:extLst>
              <a:ext uri="{FF2B5EF4-FFF2-40B4-BE49-F238E27FC236}">
                <a16:creationId xmlns:a16="http://schemas.microsoft.com/office/drawing/2014/main" id="{B2315606-BB14-BB34-680F-E468E5B99403}"/>
              </a:ext>
            </a:extLst>
          </p:cNvPr>
          <p:cNvSpPr txBox="1">
            <a:spLocks/>
          </p:cNvSpPr>
          <p:nvPr/>
        </p:nvSpPr>
        <p:spPr>
          <a:xfrm>
            <a:off x="515163" y="2790554"/>
            <a:ext cx="1199433" cy="300083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8288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36576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54864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73152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91440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IN"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474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kumimoji="1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652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kumimoji="1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828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kumimoji="1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006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kumimoji="1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ja-JP" altLang="en-US" dirty="0"/>
              <a:t>応募者情報</a:t>
            </a:r>
          </a:p>
        </p:txBody>
      </p:sp>
      <p:sp>
        <p:nvSpPr>
          <p:cNvPr id="10" name="コンテンツ プレースホルダー 4">
            <a:extLst>
              <a:ext uri="{FF2B5EF4-FFF2-40B4-BE49-F238E27FC236}">
                <a16:creationId xmlns:a16="http://schemas.microsoft.com/office/drawing/2014/main" id="{C830B3DD-8309-B9E1-7573-8B166BCAD0D8}"/>
              </a:ext>
            </a:extLst>
          </p:cNvPr>
          <p:cNvSpPr txBox="1">
            <a:spLocks/>
          </p:cNvSpPr>
          <p:nvPr/>
        </p:nvSpPr>
        <p:spPr>
          <a:xfrm>
            <a:off x="803415" y="3284695"/>
            <a:ext cx="7537169" cy="896393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8288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36576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54864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73152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914400" indent="-182880" algn="l" defTabSz="18288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kumimoji="1" lang="en-IN"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474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kumimoji="1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652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kumimoji="1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828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kumimoji="1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006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kumimoji="1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ja-JP" altLang="en-US" dirty="0"/>
              <a:t>ご所属：</a:t>
            </a:r>
            <a:endParaRPr lang="en-US" altLang="ja-JP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ja-JP" altLang="en-US" dirty="0"/>
              <a:t>氏名（ふりがな）：</a:t>
            </a:r>
            <a:endParaRPr lang="en-US" altLang="ja-JP" dirty="0"/>
          </a:p>
          <a:p>
            <a:pPr marL="0" indent="0">
              <a:buNone/>
            </a:pPr>
            <a:r>
              <a:rPr lang="ja-JP" altLang="en-US" dirty="0"/>
              <a:t>年齢：□</a:t>
            </a:r>
            <a:r>
              <a:rPr lang="en-US" altLang="ja-JP" dirty="0"/>
              <a:t>30</a:t>
            </a:r>
            <a:r>
              <a:rPr lang="ja-JP" altLang="en-US" dirty="0"/>
              <a:t>歳未満　□</a:t>
            </a:r>
            <a:r>
              <a:rPr lang="en-US" altLang="ja-JP" dirty="0"/>
              <a:t>30</a:t>
            </a:r>
            <a:r>
              <a:rPr lang="ja-JP" altLang="en-US" dirty="0"/>
              <a:t>歳以上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ja-JP" altLang="en-US" dirty="0"/>
          </a:p>
        </p:txBody>
      </p:sp>
    </p:spTree>
    <p:extLst>
      <p:ext uri="{BB962C8B-B14F-4D97-AF65-F5344CB8AC3E}">
        <p14:creationId xmlns:p14="http://schemas.microsoft.com/office/powerpoint/2010/main" val="20385595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59F5295-1AFD-4C82-02AA-B2CBF266310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タイトル 1">
            <a:extLst>
              <a:ext uri="{FF2B5EF4-FFF2-40B4-BE49-F238E27FC236}">
                <a16:creationId xmlns:a16="http://schemas.microsoft.com/office/drawing/2014/main" id="{D8E01A79-8F32-74CE-85FD-FA4466C7A3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231" y="282575"/>
            <a:ext cx="8133537" cy="462159"/>
          </a:xfrm>
        </p:spPr>
        <p:txBody>
          <a:bodyPr/>
          <a:lstStyle/>
          <a:p>
            <a:r>
              <a:rPr lang="ja-JP" altLang="en-US" sz="1600" dirty="0">
                <a:solidFill>
                  <a:schemeClr val="tx1"/>
                </a:solidFill>
              </a:rPr>
              <a:t>背景・目的</a:t>
            </a:r>
            <a:br>
              <a:rPr lang="en-US" altLang="ja-JP" sz="1600" dirty="0">
                <a:solidFill>
                  <a:schemeClr val="tx1"/>
                </a:solidFill>
              </a:rPr>
            </a:br>
            <a:r>
              <a:rPr lang="ja-JP" altLang="en-US" sz="1100" dirty="0">
                <a:solidFill>
                  <a:schemeClr val="tx1"/>
                </a:solidFill>
              </a:rPr>
              <a:t>（臨床的背景・撮影上の課題・検証した内容などを簡潔に記載）</a:t>
            </a:r>
            <a:endParaRPr kumimoji="1" lang="ja-JP" altLang="en-US" sz="1600" dirty="0">
              <a:solidFill>
                <a:schemeClr val="tx1"/>
              </a:solidFill>
            </a:endParaRPr>
          </a:p>
        </p:txBody>
      </p:sp>
      <p:sp>
        <p:nvSpPr>
          <p:cNvPr id="3" name="フッター プレースホルダー 2">
            <a:extLst>
              <a:ext uri="{FF2B5EF4-FFF2-40B4-BE49-F238E27FC236}">
                <a16:creationId xmlns:a16="http://schemas.microsoft.com/office/drawing/2014/main" id="{23DA151F-BF82-B6BB-76E8-88DD540FA90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スライド番号プレースホルダー 3">
            <a:extLst>
              <a:ext uri="{FF2B5EF4-FFF2-40B4-BE49-F238E27FC236}">
                <a16:creationId xmlns:a16="http://schemas.microsoft.com/office/drawing/2014/main" id="{D8D5D636-3BC1-C35A-D620-F103ECAC933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6" name="正方形/長方形 5">
            <a:extLst>
              <a:ext uri="{FF2B5EF4-FFF2-40B4-BE49-F238E27FC236}">
                <a16:creationId xmlns:a16="http://schemas.microsoft.com/office/drawing/2014/main" id="{C3DD19A1-E94B-CE06-0699-30095C3CB6D1}"/>
              </a:ext>
            </a:extLst>
          </p:cNvPr>
          <p:cNvSpPr/>
          <p:nvPr/>
        </p:nvSpPr>
        <p:spPr>
          <a:xfrm>
            <a:off x="502919" y="744734"/>
            <a:ext cx="8139929" cy="719137"/>
          </a:xfrm>
          <a:prstGeom prst="rect">
            <a:avLst/>
          </a:prstGeom>
          <a:noFill/>
          <a:ln w="25400" cap="flat" cmpd="sng" algn="ctr">
            <a:solidFill>
              <a:schemeClr val="tx2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kumimoji="1" lang="ja-JP" altLang="en-US" sz="1400" dirty="0" err="1">
              <a:solidFill>
                <a:schemeClr val="bg1"/>
              </a:solidFill>
            </a:endParaRPr>
          </a:p>
        </p:txBody>
      </p:sp>
      <p:sp>
        <p:nvSpPr>
          <p:cNvPr id="7" name="タイトル 1">
            <a:extLst>
              <a:ext uri="{FF2B5EF4-FFF2-40B4-BE49-F238E27FC236}">
                <a16:creationId xmlns:a16="http://schemas.microsoft.com/office/drawing/2014/main" id="{ECCF294E-ADFF-327A-06F5-DEE16D15F778}"/>
              </a:ext>
            </a:extLst>
          </p:cNvPr>
          <p:cNvSpPr txBox="1">
            <a:spLocks/>
          </p:cNvSpPr>
          <p:nvPr/>
        </p:nvSpPr>
        <p:spPr>
          <a:xfrm>
            <a:off x="502919" y="1581548"/>
            <a:ext cx="2588624" cy="34448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kumimoji="1" lang="en-US" sz="24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ja-JP" altLang="en-US" sz="1200" dirty="0">
                <a:solidFill>
                  <a:schemeClr val="tx1"/>
                </a:solidFill>
              </a:rPr>
              <a:t>自由記載（画像添付可）</a:t>
            </a:r>
          </a:p>
        </p:txBody>
      </p:sp>
    </p:spTree>
    <p:extLst>
      <p:ext uri="{BB962C8B-B14F-4D97-AF65-F5344CB8AC3E}">
        <p14:creationId xmlns:p14="http://schemas.microsoft.com/office/powerpoint/2010/main" val="8845218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5F90774-132C-BC53-7CA1-1DE074B98E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フッター プレースホルダー 2">
            <a:extLst>
              <a:ext uri="{FF2B5EF4-FFF2-40B4-BE49-F238E27FC236}">
                <a16:creationId xmlns:a16="http://schemas.microsoft.com/office/drawing/2014/main" id="{3502E26C-F8EA-DD20-2DCC-39ED9998635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スライド番号プレースホルダー 3">
            <a:extLst>
              <a:ext uri="{FF2B5EF4-FFF2-40B4-BE49-F238E27FC236}">
                <a16:creationId xmlns:a16="http://schemas.microsoft.com/office/drawing/2014/main" id="{368E18D0-223B-42C4-0364-C3AD7ED2AEE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10" name="タイトル 1">
            <a:extLst>
              <a:ext uri="{FF2B5EF4-FFF2-40B4-BE49-F238E27FC236}">
                <a16:creationId xmlns:a16="http://schemas.microsoft.com/office/drawing/2014/main" id="{5056A9CA-13C7-97DD-7309-B21F1C9DDA94}"/>
              </a:ext>
            </a:extLst>
          </p:cNvPr>
          <p:cNvSpPr txBox="1">
            <a:spLocks/>
          </p:cNvSpPr>
          <p:nvPr/>
        </p:nvSpPr>
        <p:spPr>
          <a:xfrm>
            <a:off x="502919" y="282575"/>
            <a:ext cx="2588624" cy="34448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kumimoji="1" lang="en-US" sz="24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ja-JP" altLang="en-US" sz="1200" dirty="0">
                <a:solidFill>
                  <a:schemeClr val="tx1"/>
                </a:solidFill>
              </a:rPr>
              <a:t>自由記載（画像添付可）</a:t>
            </a:r>
          </a:p>
        </p:txBody>
      </p:sp>
    </p:spTree>
    <p:extLst>
      <p:ext uri="{BB962C8B-B14F-4D97-AF65-F5344CB8AC3E}">
        <p14:creationId xmlns:p14="http://schemas.microsoft.com/office/powerpoint/2010/main" val="24894763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27F4AD-665D-5E54-AD74-020766507DD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タイトル 1">
            <a:extLst>
              <a:ext uri="{FF2B5EF4-FFF2-40B4-BE49-F238E27FC236}">
                <a16:creationId xmlns:a16="http://schemas.microsoft.com/office/drawing/2014/main" id="{0650510B-F84C-4391-9767-47F169D369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19" y="294493"/>
            <a:ext cx="8133537" cy="296450"/>
          </a:xfrm>
        </p:spPr>
        <p:txBody>
          <a:bodyPr/>
          <a:lstStyle/>
          <a:p>
            <a:r>
              <a:rPr kumimoji="1" lang="ja-JP" altLang="en-US" sz="1600" dirty="0">
                <a:solidFill>
                  <a:schemeClr val="tx1"/>
                </a:solidFill>
              </a:rPr>
              <a:t>臨床的有用点</a:t>
            </a:r>
            <a:r>
              <a:rPr kumimoji="1" lang="en-US" altLang="ja-JP" sz="1100" dirty="0">
                <a:solidFill>
                  <a:schemeClr val="tx1"/>
                </a:solidFill>
              </a:rPr>
              <a:t>(</a:t>
            </a:r>
            <a:r>
              <a:rPr kumimoji="1" lang="ja-JP" altLang="en-US" sz="1100" dirty="0">
                <a:solidFill>
                  <a:schemeClr val="tx1"/>
                </a:solidFill>
              </a:rPr>
              <a:t>診断・治療にどう寄与したかなど具体的に記載</a:t>
            </a:r>
            <a:r>
              <a:rPr kumimoji="1" lang="en-US" altLang="ja-JP" sz="1100" dirty="0">
                <a:solidFill>
                  <a:schemeClr val="tx1"/>
                </a:solidFill>
              </a:rPr>
              <a:t>)</a:t>
            </a:r>
            <a:endParaRPr kumimoji="1" lang="ja-JP" altLang="en-US" sz="1600" dirty="0">
              <a:solidFill>
                <a:schemeClr val="tx1"/>
              </a:solidFill>
            </a:endParaRPr>
          </a:p>
        </p:txBody>
      </p:sp>
      <p:sp>
        <p:nvSpPr>
          <p:cNvPr id="3" name="フッター プレースホルダー 2">
            <a:extLst>
              <a:ext uri="{FF2B5EF4-FFF2-40B4-BE49-F238E27FC236}">
                <a16:creationId xmlns:a16="http://schemas.microsoft.com/office/drawing/2014/main" id="{CDD91F58-240E-B35A-94F3-1D61B06E6B7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スライド番号プレースホルダー 3">
            <a:extLst>
              <a:ext uri="{FF2B5EF4-FFF2-40B4-BE49-F238E27FC236}">
                <a16:creationId xmlns:a16="http://schemas.microsoft.com/office/drawing/2014/main" id="{74F658F9-E525-37AC-8813-E2F9278C4EF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6" name="正方形/長方形 5">
            <a:extLst>
              <a:ext uri="{FF2B5EF4-FFF2-40B4-BE49-F238E27FC236}">
                <a16:creationId xmlns:a16="http://schemas.microsoft.com/office/drawing/2014/main" id="{11280083-D058-CF79-A5A2-D53783DB62B7}"/>
              </a:ext>
            </a:extLst>
          </p:cNvPr>
          <p:cNvSpPr/>
          <p:nvPr/>
        </p:nvSpPr>
        <p:spPr>
          <a:xfrm>
            <a:off x="505231" y="590942"/>
            <a:ext cx="8133537" cy="1667066"/>
          </a:xfrm>
          <a:prstGeom prst="rect">
            <a:avLst/>
          </a:prstGeom>
          <a:noFill/>
          <a:ln w="25400" cap="flat" cmpd="sng" algn="ctr">
            <a:solidFill>
              <a:schemeClr val="tx2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kumimoji="1" lang="ja-JP" altLang="en-US" sz="1400" dirty="0" err="1">
              <a:solidFill>
                <a:schemeClr val="bg1"/>
              </a:solidFill>
            </a:endParaRPr>
          </a:p>
        </p:txBody>
      </p:sp>
      <p:sp>
        <p:nvSpPr>
          <p:cNvPr id="7" name="タイトル 1">
            <a:extLst>
              <a:ext uri="{FF2B5EF4-FFF2-40B4-BE49-F238E27FC236}">
                <a16:creationId xmlns:a16="http://schemas.microsoft.com/office/drawing/2014/main" id="{C8AF2A74-882E-425D-D441-41766683D46C}"/>
              </a:ext>
            </a:extLst>
          </p:cNvPr>
          <p:cNvSpPr txBox="1">
            <a:spLocks/>
          </p:cNvSpPr>
          <p:nvPr/>
        </p:nvSpPr>
        <p:spPr>
          <a:xfrm>
            <a:off x="505231" y="2445794"/>
            <a:ext cx="8133537" cy="346114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kumimoji="1" lang="en-US" sz="24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ja-JP" altLang="en-US" sz="1600" dirty="0">
                <a:solidFill>
                  <a:schemeClr val="tx1"/>
                </a:solidFill>
              </a:rPr>
              <a:t>技術的有用点</a:t>
            </a:r>
            <a:r>
              <a:rPr lang="ja-JP" altLang="en-US" sz="1100" dirty="0">
                <a:solidFill>
                  <a:schemeClr val="tx1"/>
                </a:solidFill>
                <a:latin typeface="+mn-ea"/>
                <a:ea typeface="+mn-ea"/>
              </a:rPr>
              <a:t>（撮影条件・再構成・解析等で工夫した点を具体的に記載）</a:t>
            </a:r>
          </a:p>
        </p:txBody>
      </p:sp>
      <p:sp>
        <p:nvSpPr>
          <p:cNvPr id="5" name="正方形/長方形 4">
            <a:extLst>
              <a:ext uri="{FF2B5EF4-FFF2-40B4-BE49-F238E27FC236}">
                <a16:creationId xmlns:a16="http://schemas.microsoft.com/office/drawing/2014/main" id="{DADEDF5B-4ECB-ADB5-2A31-A448D88079E2}"/>
              </a:ext>
            </a:extLst>
          </p:cNvPr>
          <p:cNvSpPr/>
          <p:nvPr/>
        </p:nvSpPr>
        <p:spPr>
          <a:xfrm>
            <a:off x="505231" y="2791908"/>
            <a:ext cx="8133537" cy="1667066"/>
          </a:xfrm>
          <a:prstGeom prst="rect">
            <a:avLst/>
          </a:prstGeom>
          <a:noFill/>
          <a:ln w="25400" cap="flat" cmpd="sng" algn="ctr">
            <a:solidFill>
              <a:schemeClr val="tx2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kumimoji="1" lang="ja-JP" altLang="en-US" sz="14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073527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5AED545-CCC4-7F47-DEA9-85D75274190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タイトル 12">
            <a:extLst>
              <a:ext uri="{FF2B5EF4-FFF2-40B4-BE49-F238E27FC236}">
                <a16:creationId xmlns:a16="http://schemas.microsoft.com/office/drawing/2014/main" id="{C03FE811-B0D6-764F-CD82-B571EED36F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2" y="376239"/>
            <a:ext cx="4198577" cy="419973"/>
          </a:xfrm>
        </p:spPr>
        <p:txBody>
          <a:bodyPr/>
          <a:lstStyle/>
          <a:p>
            <a:r>
              <a:rPr lang="ja-JP" altLang="en-US" dirty="0"/>
              <a:t>発表内容に関連する条件</a:t>
            </a:r>
          </a:p>
        </p:txBody>
      </p:sp>
      <p:graphicFrame>
        <p:nvGraphicFramePr>
          <p:cNvPr id="15" name="表 14">
            <a:extLst>
              <a:ext uri="{FF2B5EF4-FFF2-40B4-BE49-F238E27FC236}">
                <a16:creationId xmlns:a16="http://schemas.microsoft.com/office/drawing/2014/main" id="{BA720896-12AC-5BBA-DCEE-68E6ED3B025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99960888"/>
              </p:ext>
            </p:extLst>
          </p:nvPr>
        </p:nvGraphicFramePr>
        <p:xfrm>
          <a:off x="495299" y="1074230"/>
          <a:ext cx="8133537" cy="1813560"/>
        </p:xfrm>
        <a:graphic>
          <a:graphicData uri="http://schemas.openxmlformats.org/drawingml/2006/table">
            <a:tbl>
              <a:tblPr firstRow="1" bandRow="1">
                <a:tableStyleId>{85BE263C-DBD7-4A20-BB59-AAB30ACAA65A}</a:tableStyleId>
              </a:tblPr>
              <a:tblGrid>
                <a:gridCol w="1111248">
                  <a:extLst>
                    <a:ext uri="{9D8B030D-6E8A-4147-A177-3AD203B41FA5}">
                      <a16:colId xmlns:a16="http://schemas.microsoft.com/office/drawing/2014/main" val="3289682361"/>
                    </a:ext>
                  </a:extLst>
                </a:gridCol>
                <a:gridCol w="1042974">
                  <a:extLst>
                    <a:ext uri="{9D8B030D-6E8A-4147-A177-3AD203B41FA5}">
                      <a16:colId xmlns:a16="http://schemas.microsoft.com/office/drawing/2014/main" val="3603561157"/>
                    </a:ext>
                  </a:extLst>
                </a:gridCol>
                <a:gridCol w="1105564">
                  <a:extLst>
                    <a:ext uri="{9D8B030D-6E8A-4147-A177-3AD203B41FA5}">
                      <a16:colId xmlns:a16="http://schemas.microsoft.com/office/drawing/2014/main" val="2099964685"/>
                    </a:ext>
                  </a:extLst>
                </a:gridCol>
                <a:gridCol w="1042974">
                  <a:extLst>
                    <a:ext uri="{9D8B030D-6E8A-4147-A177-3AD203B41FA5}">
                      <a16:colId xmlns:a16="http://schemas.microsoft.com/office/drawing/2014/main" val="3215140488"/>
                    </a:ext>
                  </a:extLst>
                </a:gridCol>
                <a:gridCol w="770918">
                  <a:extLst>
                    <a:ext uri="{9D8B030D-6E8A-4147-A177-3AD203B41FA5}">
                      <a16:colId xmlns:a16="http://schemas.microsoft.com/office/drawing/2014/main" val="1261798388"/>
                    </a:ext>
                  </a:extLst>
                </a:gridCol>
                <a:gridCol w="845167">
                  <a:extLst>
                    <a:ext uri="{9D8B030D-6E8A-4147-A177-3AD203B41FA5}">
                      <a16:colId xmlns:a16="http://schemas.microsoft.com/office/drawing/2014/main" val="903475317"/>
                    </a:ext>
                  </a:extLst>
                </a:gridCol>
                <a:gridCol w="1171718">
                  <a:extLst>
                    <a:ext uri="{9D8B030D-6E8A-4147-A177-3AD203B41FA5}">
                      <a16:colId xmlns:a16="http://schemas.microsoft.com/office/drawing/2014/main" val="3892816361"/>
                    </a:ext>
                  </a:extLst>
                </a:gridCol>
                <a:gridCol w="1042974">
                  <a:extLst>
                    <a:ext uri="{9D8B030D-6E8A-4147-A177-3AD203B41FA5}">
                      <a16:colId xmlns:a16="http://schemas.microsoft.com/office/drawing/2014/main" val="1933865002"/>
                    </a:ext>
                  </a:extLst>
                </a:gridCol>
              </a:tblGrid>
              <a:tr h="237910">
                <a:tc gridSpan="8">
                  <a:txBody>
                    <a:bodyPr/>
                    <a:lstStyle/>
                    <a:p>
                      <a:r>
                        <a:rPr kumimoji="1" lang="en-US" altLang="ja-JP" sz="1200" b="1" dirty="0">
                          <a:solidFill>
                            <a:schemeClr val="bg1"/>
                          </a:solidFill>
                        </a:rPr>
                        <a:t>Scan Protocol</a:t>
                      </a:r>
                      <a:endParaRPr kumimoji="1" lang="ja-JP" altLang="en-US" sz="12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sz="1200" dirty="0">
                        <a:solidFill>
                          <a:srgbClr val="0B5ED7"/>
                        </a:solidFill>
                      </a:endParaRPr>
                    </a:p>
                  </a:txBody>
                  <a:tcPr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DF0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1651899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Resolution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Collimation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Pitch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Rotation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sec/rot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2224181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Voltag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kV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 err="1"/>
                        <a:t>mAs</a:t>
                      </a:r>
                      <a:endParaRPr kumimoji="1" lang="en-US" altLang="ja-JP" sz="1100" dirty="0"/>
                    </a:p>
                    <a:p>
                      <a:pPr algn="ctr"/>
                      <a:r>
                        <a:rPr kumimoji="1" lang="en-US" altLang="ja-JP" sz="1100" dirty="0"/>
                        <a:t>[</a:t>
                      </a:r>
                      <a:r>
                        <a:rPr kumimoji="1" lang="en-US" altLang="ja-JP" sz="1100" dirty="0" err="1"/>
                        <a:t>mAs</a:t>
                      </a:r>
                      <a:r>
                        <a:rPr kumimoji="1" lang="en-US" altLang="ja-JP" sz="1100" dirty="0"/>
                        <a:t>/Slice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DRI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can tim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sec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65921108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lice Thickness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m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lice Increment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m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CTDI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</a:t>
                      </a:r>
                      <a:r>
                        <a:rPr kumimoji="1" lang="en-US" altLang="ja-JP" sz="1100" dirty="0" err="1"/>
                        <a:t>mGy</a:t>
                      </a:r>
                      <a:r>
                        <a:rPr kumimoji="1" lang="en-US" altLang="ja-JP" sz="1100" dirty="0"/>
                        <a:t>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DLP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</a:t>
                      </a:r>
                      <a:r>
                        <a:rPr kumimoji="1" lang="en-US" altLang="ja-JP" sz="1100" dirty="0" err="1"/>
                        <a:t>mGy</a:t>
                      </a:r>
                      <a:r>
                        <a:rPr kumimoji="1" lang="en-US" altLang="ja-JP" sz="1100" dirty="0"/>
                        <a:t>*cm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6892825"/>
                  </a:ext>
                </a:extLst>
              </a:tr>
              <a:tr h="230955"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/>
                        <a:t>再構成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Filter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Level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Image Definition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44148114"/>
                  </a:ext>
                </a:extLst>
              </a:tr>
            </a:tbl>
          </a:graphicData>
        </a:graphic>
      </p:graphicFrame>
      <p:graphicFrame>
        <p:nvGraphicFramePr>
          <p:cNvPr id="16" name="表 15">
            <a:extLst>
              <a:ext uri="{FF2B5EF4-FFF2-40B4-BE49-F238E27FC236}">
                <a16:creationId xmlns:a16="http://schemas.microsoft.com/office/drawing/2014/main" id="{EAE55935-0E26-C348-E40C-17A369C3B72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33867560"/>
              </p:ext>
            </p:extLst>
          </p:nvPr>
        </p:nvGraphicFramePr>
        <p:xfrm>
          <a:off x="495300" y="2988945"/>
          <a:ext cx="8133536" cy="1859280"/>
        </p:xfrm>
        <a:graphic>
          <a:graphicData uri="http://schemas.openxmlformats.org/drawingml/2006/table">
            <a:tbl>
              <a:tblPr firstRow="1" bandRow="1">
                <a:tableStyleId>{85BE263C-DBD7-4A20-BB59-AAB30ACAA65A}</a:tableStyleId>
              </a:tblPr>
              <a:tblGrid>
                <a:gridCol w="1269047">
                  <a:extLst>
                    <a:ext uri="{9D8B030D-6E8A-4147-A177-3AD203B41FA5}">
                      <a16:colId xmlns:a16="http://schemas.microsoft.com/office/drawing/2014/main" val="3289682361"/>
                    </a:ext>
                  </a:extLst>
                </a:gridCol>
                <a:gridCol w="1260713">
                  <a:extLst>
                    <a:ext uri="{9D8B030D-6E8A-4147-A177-3AD203B41FA5}">
                      <a16:colId xmlns:a16="http://schemas.microsoft.com/office/drawing/2014/main" val="3603561157"/>
                    </a:ext>
                  </a:extLst>
                </a:gridCol>
                <a:gridCol w="1354687">
                  <a:extLst>
                    <a:ext uri="{9D8B030D-6E8A-4147-A177-3AD203B41FA5}">
                      <a16:colId xmlns:a16="http://schemas.microsoft.com/office/drawing/2014/main" val="2099964685"/>
                    </a:ext>
                  </a:extLst>
                </a:gridCol>
                <a:gridCol w="1191078">
                  <a:extLst>
                    <a:ext uri="{9D8B030D-6E8A-4147-A177-3AD203B41FA5}">
                      <a16:colId xmlns:a16="http://schemas.microsoft.com/office/drawing/2014/main" val="3215140488"/>
                    </a:ext>
                  </a:extLst>
                </a:gridCol>
                <a:gridCol w="1866933">
                  <a:extLst>
                    <a:ext uri="{9D8B030D-6E8A-4147-A177-3AD203B41FA5}">
                      <a16:colId xmlns:a16="http://schemas.microsoft.com/office/drawing/2014/main" val="1261798388"/>
                    </a:ext>
                  </a:extLst>
                </a:gridCol>
                <a:gridCol w="1191078">
                  <a:extLst>
                    <a:ext uri="{9D8B030D-6E8A-4147-A177-3AD203B41FA5}">
                      <a16:colId xmlns:a16="http://schemas.microsoft.com/office/drawing/2014/main" val="903475317"/>
                    </a:ext>
                  </a:extLst>
                </a:gridCol>
              </a:tblGrid>
              <a:tr h="237910">
                <a:tc gridSpan="6">
                  <a:txBody>
                    <a:bodyPr/>
                    <a:lstStyle/>
                    <a:p>
                      <a:r>
                        <a:rPr kumimoji="1" lang="en-US" altLang="ja-JP" sz="1200" b="1" dirty="0">
                          <a:solidFill>
                            <a:schemeClr val="bg1"/>
                          </a:solidFill>
                        </a:rPr>
                        <a:t>Contrast injection Protocol</a:t>
                      </a:r>
                      <a:endParaRPr kumimoji="1" lang="ja-JP" altLang="en-US" sz="12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1651899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Concentration</a:t>
                      </a:r>
                    </a:p>
                    <a:p>
                      <a:pPr algn="ctr"/>
                      <a:r>
                        <a:rPr kumimoji="1" lang="ja-JP" altLang="en-US" sz="1100" dirty="0"/>
                        <a:t>造影剤濃度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Volum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L] or [</a:t>
                      </a:r>
                      <a:r>
                        <a:rPr kumimoji="1" lang="en-US" altLang="ja-JP" sz="1100" dirty="0" err="1"/>
                        <a:t>mgI</a:t>
                      </a:r>
                      <a:r>
                        <a:rPr kumimoji="1" lang="en-US" altLang="ja-JP" sz="1100" dirty="0"/>
                        <a:t>/kg] 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peed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L/sec] or [</a:t>
                      </a:r>
                      <a:r>
                        <a:rPr kumimoji="1" lang="en-US" altLang="ja-JP" sz="1100" dirty="0" err="1"/>
                        <a:t>mgI</a:t>
                      </a:r>
                      <a:r>
                        <a:rPr kumimoji="1" lang="en-US" altLang="ja-JP" sz="1100" dirty="0"/>
                        <a:t>/kg/sec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2224181"/>
                  </a:ext>
                </a:extLst>
              </a:tr>
              <a:tr h="284009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aline</a:t>
                      </a:r>
                      <a:br>
                        <a:rPr kumimoji="1" lang="en-US" altLang="ja-JP" sz="1100" dirty="0"/>
                      </a:br>
                      <a:r>
                        <a:rPr kumimoji="1" lang="ja-JP" altLang="en-US" sz="1100" dirty="0"/>
                        <a:t>生理食塩水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/>
                        <a:t>有・無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aline Volume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aline Speed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65921108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Injection method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1" lang="en-US" altLang="ja-JP" sz="1100" dirty="0"/>
                        <a:t>Timed, TBT,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Test</a:t>
                      </a:r>
                      <a:r>
                        <a:rPr kumimoji="1" lang="ja-JP" altLang="en-US" sz="1100" dirty="0"/>
                        <a:t> </a:t>
                      </a:r>
                      <a:r>
                        <a:rPr kumimoji="1" lang="en-US" altLang="ja-JP" sz="1100" dirty="0"/>
                        <a:t>Injection,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Bolus Tracking,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Delay Tim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/Threshold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Other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050" dirty="0"/>
                        <a:t>可変注入</a:t>
                      </a:r>
                      <a:r>
                        <a:rPr kumimoji="1" lang="en-US" altLang="ja-JP" sz="1050" dirty="0"/>
                        <a:t>,</a:t>
                      </a:r>
                    </a:p>
                    <a:p>
                      <a:pPr algn="ctr"/>
                      <a:r>
                        <a:rPr kumimoji="1" lang="ja-JP" altLang="en-US" sz="1050" dirty="0"/>
                        <a:t>多段階注入</a:t>
                      </a:r>
                      <a:r>
                        <a:rPr kumimoji="1" lang="en-US" altLang="ja-JP" sz="1050" dirty="0"/>
                        <a:t>,</a:t>
                      </a:r>
                    </a:p>
                    <a:p>
                      <a:pPr algn="ctr"/>
                      <a:r>
                        <a:rPr kumimoji="1" lang="ja-JP" altLang="en-US" sz="1050" dirty="0"/>
                        <a:t>台形クロス注入など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6892825"/>
                  </a:ext>
                </a:extLst>
              </a:tr>
            </a:tbl>
          </a:graphicData>
        </a:graphic>
      </p:graphicFrame>
      <p:graphicFrame>
        <p:nvGraphicFramePr>
          <p:cNvPr id="5" name="表 4">
            <a:extLst>
              <a:ext uri="{FF2B5EF4-FFF2-40B4-BE49-F238E27FC236}">
                <a16:creationId xmlns:a16="http://schemas.microsoft.com/office/drawing/2014/main" id="{2B77A5F2-257F-30E3-CDB3-842834D9893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7518317"/>
              </p:ext>
            </p:extLst>
          </p:nvPr>
        </p:nvGraphicFramePr>
        <p:xfrm>
          <a:off x="5823077" y="285634"/>
          <a:ext cx="2692660" cy="610156"/>
        </p:xfrm>
        <a:graphic>
          <a:graphicData uri="http://schemas.openxmlformats.org/drawingml/2006/table">
            <a:tbl>
              <a:tblPr firstRow="1" bandRow="1">
                <a:tableStyleId>{85BE263C-DBD7-4A20-BB59-AAB30ACAA65A}</a:tableStyleId>
              </a:tblPr>
              <a:tblGrid>
                <a:gridCol w="1266707">
                  <a:extLst>
                    <a:ext uri="{9D8B030D-6E8A-4147-A177-3AD203B41FA5}">
                      <a16:colId xmlns:a16="http://schemas.microsoft.com/office/drawing/2014/main" val="3289682361"/>
                    </a:ext>
                  </a:extLst>
                </a:gridCol>
                <a:gridCol w="1425953">
                  <a:extLst>
                    <a:ext uri="{9D8B030D-6E8A-4147-A177-3AD203B41FA5}">
                      <a16:colId xmlns:a16="http://schemas.microsoft.com/office/drawing/2014/main" val="3603561157"/>
                    </a:ext>
                  </a:extLst>
                </a:gridCol>
              </a:tblGrid>
              <a:tr h="237910">
                <a:tc>
                  <a:txBody>
                    <a:bodyPr/>
                    <a:lstStyle/>
                    <a:p>
                      <a:r>
                        <a:rPr kumimoji="1" lang="en-US" altLang="ja-JP" sz="1200" b="1" dirty="0">
                          <a:solidFill>
                            <a:schemeClr val="bg1"/>
                          </a:solidFill>
                        </a:rPr>
                        <a:t>CT Scanner</a:t>
                      </a:r>
                      <a:endParaRPr kumimoji="1" lang="ja-JP" altLang="en-US" sz="12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kumimoji="1" lang="en-US" altLang="ja-JP" sz="1200" b="1" dirty="0"/>
                        <a:t>Work Station</a:t>
                      </a:r>
                      <a:endParaRPr kumimoji="1" lang="ja-JP" altLang="en-US" sz="1200" b="1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1651899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2224181"/>
                  </a:ext>
                </a:extLst>
              </a:tr>
            </a:tbl>
          </a:graphicData>
        </a:graphic>
      </p:graphicFrame>
      <p:sp>
        <p:nvSpPr>
          <p:cNvPr id="2" name="テキスト ボックス 1">
            <a:extLst>
              <a:ext uri="{FF2B5EF4-FFF2-40B4-BE49-F238E27FC236}">
                <a16:creationId xmlns:a16="http://schemas.microsoft.com/office/drawing/2014/main" id="{84F49FEE-D82F-9ABD-87F8-C4400134E673}"/>
              </a:ext>
            </a:extLst>
          </p:cNvPr>
          <p:cNvSpPr txBox="1"/>
          <p:nvPr/>
        </p:nvSpPr>
        <p:spPr>
          <a:xfrm>
            <a:off x="495299" y="767979"/>
            <a:ext cx="3147015" cy="25391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kumimoji="1" lang="ja-JP" altLang="en-US" sz="1050" dirty="0"/>
              <a:t>条件表のフォントサイズは自由に変更可能です。</a:t>
            </a:r>
          </a:p>
        </p:txBody>
      </p:sp>
    </p:spTree>
    <p:extLst>
      <p:ext uri="{BB962C8B-B14F-4D97-AF65-F5344CB8AC3E}">
        <p14:creationId xmlns:p14="http://schemas.microsoft.com/office/powerpoint/2010/main" val="28806833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C5DA4A-E49A-3484-0183-0FD776B30BF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5" name="表 14">
            <a:extLst>
              <a:ext uri="{FF2B5EF4-FFF2-40B4-BE49-F238E27FC236}">
                <a16:creationId xmlns:a16="http://schemas.microsoft.com/office/drawing/2014/main" id="{B9EE6385-464C-29E1-D998-549BE78EBC74}"/>
              </a:ext>
            </a:extLst>
          </p:cNvPr>
          <p:cNvGraphicFramePr>
            <a:graphicFrameLocks noGrp="1" noDrilldown="1" noMove="1" noResize="1"/>
          </p:cNvGraphicFramePr>
          <p:nvPr>
            <p:extLst>
              <p:ext uri="{D42A27DB-BD31-4B8C-83A1-F6EECF244321}">
                <p14:modId xmlns:p14="http://schemas.microsoft.com/office/powerpoint/2010/main" val="2636744529"/>
              </p:ext>
            </p:extLst>
          </p:nvPr>
        </p:nvGraphicFramePr>
        <p:xfrm>
          <a:off x="495299" y="1074230"/>
          <a:ext cx="8169610" cy="1981200"/>
        </p:xfrm>
        <a:graphic>
          <a:graphicData uri="http://schemas.openxmlformats.org/drawingml/2006/table">
            <a:tbl>
              <a:tblPr firstRow="1" bandRow="1">
                <a:tableStyleId>{85BE263C-DBD7-4A20-BB59-AAB30ACAA65A}</a:tableStyleId>
              </a:tblPr>
              <a:tblGrid>
                <a:gridCol w="936000">
                  <a:extLst>
                    <a:ext uri="{9D8B030D-6E8A-4147-A177-3AD203B41FA5}">
                      <a16:colId xmlns:a16="http://schemas.microsoft.com/office/drawing/2014/main" val="3289682361"/>
                    </a:ext>
                  </a:extLst>
                </a:gridCol>
                <a:gridCol w="1404000">
                  <a:extLst>
                    <a:ext uri="{9D8B030D-6E8A-4147-A177-3AD203B41FA5}">
                      <a16:colId xmlns:a16="http://schemas.microsoft.com/office/drawing/2014/main" val="3603561157"/>
                    </a:ext>
                  </a:extLst>
                </a:gridCol>
                <a:gridCol w="936000">
                  <a:extLst>
                    <a:ext uri="{9D8B030D-6E8A-4147-A177-3AD203B41FA5}">
                      <a16:colId xmlns:a16="http://schemas.microsoft.com/office/drawing/2014/main" val="2099964685"/>
                    </a:ext>
                  </a:extLst>
                </a:gridCol>
                <a:gridCol w="1042974">
                  <a:extLst>
                    <a:ext uri="{9D8B030D-6E8A-4147-A177-3AD203B41FA5}">
                      <a16:colId xmlns:a16="http://schemas.microsoft.com/office/drawing/2014/main" val="3215140488"/>
                    </a:ext>
                  </a:extLst>
                </a:gridCol>
                <a:gridCol w="770918">
                  <a:extLst>
                    <a:ext uri="{9D8B030D-6E8A-4147-A177-3AD203B41FA5}">
                      <a16:colId xmlns:a16="http://schemas.microsoft.com/office/drawing/2014/main" val="1261798388"/>
                    </a:ext>
                  </a:extLst>
                </a:gridCol>
                <a:gridCol w="1368000">
                  <a:extLst>
                    <a:ext uri="{9D8B030D-6E8A-4147-A177-3AD203B41FA5}">
                      <a16:colId xmlns:a16="http://schemas.microsoft.com/office/drawing/2014/main" val="903475317"/>
                    </a:ext>
                  </a:extLst>
                </a:gridCol>
                <a:gridCol w="1171718">
                  <a:extLst>
                    <a:ext uri="{9D8B030D-6E8A-4147-A177-3AD203B41FA5}">
                      <a16:colId xmlns:a16="http://schemas.microsoft.com/office/drawing/2014/main" val="3892816361"/>
                    </a:ext>
                  </a:extLst>
                </a:gridCol>
                <a:gridCol w="540000">
                  <a:extLst>
                    <a:ext uri="{9D8B030D-6E8A-4147-A177-3AD203B41FA5}">
                      <a16:colId xmlns:a16="http://schemas.microsoft.com/office/drawing/2014/main" val="1933865002"/>
                    </a:ext>
                  </a:extLst>
                </a:gridCol>
              </a:tblGrid>
              <a:tr h="237910">
                <a:tc gridSpan="8">
                  <a:txBody>
                    <a:bodyPr/>
                    <a:lstStyle/>
                    <a:p>
                      <a:r>
                        <a:rPr kumimoji="1" lang="en-US" altLang="ja-JP" sz="1200" b="1" dirty="0">
                          <a:solidFill>
                            <a:schemeClr val="bg1"/>
                          </a:solidFill>
                        </a:rPr>
                        <a:t>Scan Protocol</a:t>
                      </a:r>
                      <a:endParaRPr kumimoji="1" lang="ja-JP" altLang="en-US" sz="12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sz="1200" dirty="0">
                        <a:solidFill>
                          <a:srgbClr val="0B5ED7"/>
                        </a:solidFill>
                      </a:endParaRPr>
                    </a:p>
                  </a:txBody>
                  <a:tcPr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DF0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1651899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Resolution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Standard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Collimation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128*0.625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Pitch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1.4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1" lang="en-US" altLang="ja-JP" sz="1100" dirty="0"/>
                        <a:t>Rotation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sec/rot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0.27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2224181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Voltag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kV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100kV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 err="1"/>
                        <a:t>mAs</a:t>
                      </a:r>
                      <a:endParaRPr kumimoji="1" lang="en-US" altLang="ja-JP" sz="1100" dirty="0"/>
                    </a:p>
                    <a:p>
                      <a:pPr algn="ctr"/>
                      <a:r>
                        <a:rPr kumimoji="1" lang="en-US" altLang="ja-JP" sz="1100" dirty="0"/>
                        <a:t>[</a:t>
                      </a:r>
                      <a:r>
                        <a:rPr kumimoji="1" lang="en-US" altLang="ja-JP" sz="1100" dirty="0" err="1"/>
                        <a:t>mAs</a:t>
                      </a:r>
                      <a:r>
                        <a:rPr kumimoji="1" lang="en-US" altLang="ja-JP" sz="1100" dirty="0"/>
                        <a:t>/Slice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230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DRI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マスク画像：</a:t>
                      </a:r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29</a:t>
                      </a:r>
                    </a:p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造影画像：</a:t>
                      </a:r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37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can tim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sec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2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65921108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lice Thickness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0.67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lice Increment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0.35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CTDI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</a:t>
                      </a:r>
                      <a:r>
                        <a:rPr kumimoji="1" lang="en-US" altLang="ja-JP" sz="1100" dirty="0" err="1"/>
                        <a:t>mGy</a:t>
                      </a:r>
                      <a:r>
                        <a:rPr kumimoji="1" lang="en-US" altLang="ja-JP" sz="1100" dirty="0"/>
                        <a:t>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マスク画像：</a:t>
                      </a:r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20</a:t>
                      </a:r>
                    </a:p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造影画像：</a:t>
                      </a:r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55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DLP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</a:t>
                      </a:r>
                      <a:r>
                        <a:rPr kumimoji="1" lang="en-US" altLang="ja-JP" sz="1100" dirty="0" err="1"/>
                        <a:t>mGy</a:t>
                      </a:r>
                      <a:r>
                        <a:rPr kumimoji="1" lang="en-US" altLang="ja-JP" sz="1100" dirty="0"/>
                        <a:t>*cm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1200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6892825"/>
                  </a:ext>
                </a:extLst>
              </a:tr>
              <a:tr h="230955"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/>
                        <a:t>再構成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900" b="0" dirty="0">
                          <a:solidFill>
                            <a:srgbClr val="DB0383"/>
                          </a:solidFill>
                        </a:rPr>
                        <a:t>マスク画像：</a:t>
                      </a:r>
                      <a:r>
                        <a:rPr kumimoji="1" lang="en-US" altLang="ja-JP" sz="900" b="0" dirty="0" err="1">
                          <a:solidFill>
                            <a:srgbClr val="DB0383"/>
                          </a:solidFill>
                        </a:rPr>
                        <a:t>iDose</a:t>
                      </a:r>
                      <a:br>
                        <a:rPr kumimoji="1" lang="en-US" altLang="ja-JP" sz="900" b="0" dirty="0">
                          <a:solidFill>
                            <a:srgbClr val="DB0383"/>
                          </a:solidFill>
                        </a:rPr>
                      </a:br>
                      <a:r>
                        <a:rPr kumimoji="1" lang="ja-JP" altLang="en-US" sz="900" b="0" dirty="0">
                          <a:solidFill>
                            <a:srgbClr val="DB0383"/>
                          </a:solidFill>
                        </a:rPr>
                        <a:t>造影画像：</a:t>
                      </a:r>
                      <a:r>
                        <a:rPr kumimoji="1" lang="en-US" altLang="ja-JP" sz="900" b="0" dirty="0">
                          <a:solidFill>
                            <a:srgbClr val="DB0383"/>
                          </a:solidFill>
                        </a:rPr>
                        <a:t>MonoE70keV</a:t>
                      </a:r>
                      <a:endParaRPr kumimoji="1" lang="ja-JP" altLang="en-US" sz="900" b="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Filter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マスク画像</a:t>
                      </a:r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: B</a:t>
                      </a:r>
                    </a:p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造影画像</a:t>
                      </a:r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: B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Level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1" lang="ja-JP" altLang="en-US" sz="800" dirty="0">
                          <a:solidFill>
                            <a:srgbClr val="DB0383"/>
                          </a:solidFill>
                        </a:rPr>
                        <a:t>マスク画像</a:t>
                      </a:r>
                      <a:r>
                        <a:rPr kumimoji="1" lang="en-US" altLang="ja-JP" sz="800" dirty="0">
                          <a:solidFill>
                            <a:srgbClr val="DB0383"/>
                          </a:solidFill>
                        </a:rPr>
                        <a:t>: </a:t>
                      </a:r>
                      <a:r>
                        <a:rPr kumimoji="1" lang="en-US" altLang="ja-JP" sz="800" dirty="0" err="1">
                          <a:solidFill>
                            <a:srgbClr val="DB0383"/>
                          </a:solidFill>
                        </a:rPr>
                        <a:t>iDose</a:t>
                      </a:r>
                      <a:r>
                        <a:rPr kumimoji="1" lang="en-US" altLang="ja-JP" sz="800" dirty="0">
                          <a:solidFill>
                            <a:srgbClr val="DB0383"/>
                          </a:solidFill>
                        </a:rPr>
                        <a:t> 3</a:t>
                      </a:r>
                      <a:endParaRPr kumimoji="1" lang="en-US" altLang="ja-JP" sz="800" b="1" dirty="0">
                        <a:solidFill>
                          <a:srgbClr val="DB0383"/>
                        </a:solidFill>
                      </a:endParaRPr>
                    </a:p>
                    <a:p>
                      <a:pPr algn="ctr"/>
                      <a:r>
                        <a:rPr kumimoji="1" lang="ja-JP" altLang="en-US" sz="800" dirty="0">
                          <a:solidFill>
                            <a:srgbClr val="DB0383"/>
                          </a:solidFill>
                        </a:rPr>
                        <a:t>造影画像</a:t>
                      </a:r>
                      <a:r>
                        <a:rPr kumimoji="1" lang="en-US" altLang="ja-JP" sz="800" dirty="0">
                          <a:solidFill>
                            <a:srgbClr val="DB0383"/>
                          </a:solidFill>
                        </a:rPr>
                        <a:t>: Spectral </a:t>
                      </a:r>
                      <a:r>
                        <a:rPr kumimoji="1" lang="en-US" altLang="ja-JP" sz="900" dirty="0">
                          <a:solidFill>
                            <a:srgbClr val="DB0383"/>
                          </a:solidFill>
                        </a:rPr>
                        <a:t>Level2</a:t>
                      </a:r>
                      <a:endParaRPr kumimoji="1" lang="ja-JP" altLang="en-US" sz="9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Image Definition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44148114"/>
                  </a:ext>
                </a:extLst>
              </a:tr>
            </a:tbl>
          </a:graphicData>
        </a:graphic>
      </p:graphicFrame>
      <p:graphicFrame>
        <p:nvGraphicFramePr>
          <p:cNvPr id="16" name="表 15">
            <a:extLst>
              <a:ext uri="{FF2B5EF4-FFF2-40B4-BE49-F238E27FC236}">
                <a16:creationId xmlns:a16="http://schemas.microsoft.com/office/drawing/2014/main" id="{32481B70-C69F-484A-3266-288079C8DDBC}"/>
              </a:ext>
            </a:extLst>
          </p:cNvPr>
          <p:cNvGraphicFramePr>
            <a:graphicFrameLocks noGrp="1" noDrilldown="1" noMove="1" noResize="1"/>
          </p:cNvGraphicFramePr>
          <p:nvPr>
            <p:extLst>
              <p:ext uri="{D42A27DB-BD31-4B8C-83A1-F6EECF244321}">
                <p14:modId xmlns:p14="http://schemas.microsoft.com/office/powerpoint/2010/main" val="2335535848"/>
              </p:ext>
            </p:extLst>
          </p:nvPr>
        </p:nvGraphicFramePr>
        <p:xfrm>
          <a:off x="495300" y="3206657"/>
          <a:ext cx="8133536" cy="1554480"/>
        </p:xfrm>
        <a:graphic>
          <a:graphicData uri="http://schemas.openxmlformats.org/drawingml/2006/table">
            <a:tbl>
              <a:tblPr firstRow="1" bandRow="1">
                <a:tableStyleId>{85BE263C-DBD7-4A20-BB59-AAB30ACAA65A}</a:tableStyleId>
              </a:tblPr>
              <a:tblGrid>
                <a:gridCol w="1269047">
                  <a:extLst>
                    <a:ext uri="{9D8B030D-6E8A-4147-A177-3AD203B41FA5}">
                      <a16:colId xmlns:a16="http://schemas.microsoft.com/office/drawing/2014/main" val="3289682361"/>
                    </a:ext>
                  </a:extLst>
                </a:gridCol>
                <a:gridCol w="1260713">
                  <a:extLst>
                    <a:ext uri="{9D8B030D-6E8A-4147-A177-3AD203B41FA5}">
                      <a16:colId xmlns:a16="http://schemas.microsoft.com/office/drawing/2014/main" val="3603561157"/>
                    </a:ext>
                  </a:extLst>
                </a:gridCol>
                <a:gridCol w="1354687">
                  <a:extLst>
                    <a:ext uri="{9D8B030D-6E8A-4147-A177-3AD203B41FA5}">
                      <a16:colId xmlns:a16="http://schemas.microsoft.com/office/drawing/2014/main" val="2099964685"/>
                    </a:ext>
                  </a:extLst>
                </a:gridCol>
                <a:gridCol w="1191078">
                  <a:extLst>
                    <a:ext uri="{9D8B030D-6E8A-4147-A177-3AD203B41FA5}">
                      <a16:colId xmlns:a16="http://schemas.microsoft.com/office/drawing/2014/main" val="3215140488"/>
                    </a:ext>
                  </a:extLst>
                </a:gridCol>
                <a:gridCol w="1866933">
                  <a:extLst>
                    <a:ext uri="{9D8B030D-6E8A-4147-A177-3AD203B41FA5}">
                      <a16:colId xmlns:a16="http://schemas.microsoft.com/office/drawing/2014/main" val="1261798388"/>
                    </a:ext>
                  </a:extLst>
                </a:gridCol>
                <a:gridCol w="1191078">
                  <a:extLst>
                    <a:ext uri="{9D8B030D-6E8A-4147-A177-3AD203B41FA5}">
                      <a16:colId xmlns:a16="http://schemas.microsoft.com/office/drawing/2014/main" val="903475317"/>
                    </a:ext>
                  </a:extLst>
                </a:gridCol>
              </a:tblGrid>
              <a:tr h="237910">
                <a:tc gridSpan="6">
                  <a:txBody>
                    <a:bodyPr/>
                    <a:lstStyle/>
                    <a:p>
                      <a:r>
                        <a:rPr kumimoji="1" lang="en-US" altLang="ja-JP" sz="1200" b="1" dirty="0">
                          <a:solidFill>
                            <a:schemeClr val="bg1"/>
                          </a:solidFill>
                        </a:rPr>
                        <a:t>Contrast injection Protocol</a:t>
                      </a:r>
                      <a:endParaRPr kumimoji="1" lang="ja-JP" altLang="en-US" sz="12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1651899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Concentration</a:t>
                      </a:r>
                    </a:p>
                    <a:p>
                      <a:pPr algn="ctr"/>
                      <a:r>
                        <a:rPr kumimoji="1" lang="ja-JP" altLang="en-US" sz="1100" dirty="0"/>
                        <a:t>造影剤濃度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370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Volum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L] or [</a:t>
                      </a:r>
                      <a:r>
                        <a:rPr kumimoji="1" lang="en-US" altLang="ja-JP" sz="1100" dirty="0" err="1"/>
                        <a:t>mgI</a:t>
                      </a:r>
                      <a:r>
                        <a:rPr kumimoji="1" lang="en-US" altLang="ja-JP" sz="1100" dirty="0"/>
                        <a:t>/kg] 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60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peed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L/sec] or [</a:t>
                      </a:r>
                      <a:r>
                        <a:rPr kumimoji="1" lang="en-US" altLang="ja-JP" sz="1100" dirty="0" err="1"/>
                        <a:t>mgI</a:t>
                      </a:r>
                      <a:r>
                        <a:rPr kumimoji="1" lang="en-US" altLang="ja-JP" sz="1100" dirty="0"/>
                        <a:t>/kg/sec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5ml/sec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2224181"/>
                  </a:ext>
                </a:extLst>
              </a:tr>
              <a:tr h="284009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aline</a:t>
                      </a:r>
                      <a:br>
                        <a:rPr kumimoji="1" lang="en-US" altLang="ja-JP" sz="1100" dirty="0"/>
                      </a:br>
                      <a:r>
                        <a:rPr kumimoji="1" lang="ja-JP" altLang="en-US" sz="1100" dirty="0"/>
                        <a:t>生理食塩水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有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aline Volume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30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aline Speed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3ml/sec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65921108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Injection method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Bolus Tracking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Delay Tim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/Threshold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Delay time:15s</a:t>
                      </a:r>
                    </a:p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Threshold:150 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Other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kumimoji="1" lang="ja-JP" altLang="en-US" sz="105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6892825"/>
                  </a:ext>
                </a:extLst>
              </a:tr>
            </a:tbl>
          </a:graphicData>
        </a:graphic>
      </p:graphicFrame>
      <p:graphicFrame>
        <p:nvGraphicFramePr>
          <p:cNvPr id="5" name="表 4">
            <a:extLst>
              <a:ext uri="{FF2B5EF4-FFF2-40B4-BE49-F238E27FC236}">
                <a16:creationId xmlns:a16="http://schemas.microsoft.com/office/drawing/2014/main" id="{D67C4B51-08B7-C34B-00B5-B6656B21BF21}"/>
              </a:ext>
            </a:extLst>
          </p:cNvPr>
          <p:cNvGraphicFramePr>
            <a:graphicFrameLocks noGrp="1" noDrilldown="1" noMove="1" noResize="1"/>
          </p:cNvGraphicFramePr>
          <p:nvPr>
            <p:extLst>
              <p:ext uri="{D42A27DB-BD31-4B8C-83A1-F6EECF244321}">
                <p14:modId xmlns:p14="http://schemas.microsoft.com/office/powerpoint/2010/main" val="1734959004"/>
              </p:ext>
            </p:extLst>
          </p:nvPr>
        </p:nvGraphicFramePr>
        <p:xfrm>
          <a:off x="5936176" y="291801"/>
          <a:ext cx="2692660" cy="610156"/>
        </p:xfrm>
        <a:graphic>
          <a:graphicData uri="http://schemas.openxmlformats.org/drawingml/2006/table">
            <a:tbl>
              <a:tblPr firstRow="1" bandRow="1">
                <a:tableStyleId>{85BE263C-DBD7-4A20-BB59-AAB30ACAA65A}</a:tableStyleId>
              </a:tblPr>
              <a:tblGrid>
                <a:gridCol w="1266707">
                  <a:extLst>
                    <a:ext uri="{9D8B030D-6E8A-4147-A177-3AD203B41FA5}">
                      <a16:colId xmlns:a16="http://schemas.microsoft.com/office/drawing/2014/main" val="3289682361"/>
                    </a:ext>
                  </a:extLst>
                </a:gridCol>
                <a:gridCol w="1425953">
                  <a:extLst>
                    <a:ext uri="{9D8B030D-6E8A-4147-A177-3AD203B41FA5}">
                      <a16:colId xmlns:a16="http://schemas.microsoft.com/office/drawing/2014/main" val="3603561157"/>
                    </a:ext>
                  </a:extLst>
                </a:gridCol>
              </a:tblGrid>
              <a:tr h="237910">
                <a:tc>
                  <a:txBody>
                    <a:bodyPr/>
                    <a:lstStyle/>
                    <a:p>
                      <a:r>
                        <a:rPr kumimoji="1" lang="en-US" altLang="ja-JP" sz="1200" b="1" dirty="0">
                          <a:solidFill>
                            <a:schemeClr val="bg1"/>
                          </a:solidFill>
                        </a:rPr>
                        <a:t>CT Scanner</a:t>
                      </a:r>
                      <a:endParaRPr kumimoji="1" lang="ja-JP" altLang="en-US" sz="12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kumimoji="1" lang="en-US" altLang="ja-JP" sz="1200" b="1" dirty="0"/>
                        <a:t>Work Station</a:t>
                      </a:r>
                      <a:endParaRPr kumimoji="1" lang="ja-JP" altLang="en-US" sz="1200" b="1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1651899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Spectral CT 7500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AVW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2224181"/>
                  </a:ext>
                </a:extLst>
              </a:tr>
            </a:tbl>
          </a:graphicData>
        </a:graphic>
      </p:graphicFrame>
      <p:sp>
        <p:nvSpPr>
          <p:cNvPr id="2" name="テキスト ボックス 1">
            <a:extLst>
              <a:ext uri="{FF2B5EF4-FFF2-40B4-BE49-F238E27FC236}">
                <a16:creationId xmlns:a16="http://schemas.microsoft.com/office/drawing/2014/main" id="{3D836B86-8555-D009-EB0F-DD44229177C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516292" y="286079"/>
            <a:ext cx="1624163" cy="58477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kumimoji="1" lang="ja-JP" altLang="en-US" sz="3200" dirty="0">
                <a:solidFill>
                  <a:srgbClr val="DB0383"/>
                </a:solidFill>
              </a:rPr>
              <a:t>記入例</a:t>
            </a:r>
            <a:r>
              <a:rPr kumimoji="1" lang="en-US" altLang="ja-JP" sz="3200" dirty="0">
                <a:solidFill>
                  <a:srgbClr val="DB0383"/>
                </a:solidFill>
              </a:rPr>
              <a:t>1</a:t>
            </a:r>
            <a:endParaRPr kumimoji="1" lang="ja-JP" altLang="en-US" sz="3200" dirty="0">
              <a:solidFill>
                <a:srgbClr val="DB0383"/>
              </a:solidFill>
            </a:endParaRPr>
          </a:p>
        </p:txBody>
      </p:sp>
      <p:sp>
        <p:nvSpPr>
          <p:cNvPr id="6" name="正方形/長方形 5">
            <a:extLst>
              <a:ext uri="{FF2B5EF4-FFF2-40B4-BE49-F238E27FC236}">
                <a16:creationId xmlns:a16="http://schemas.microsoft.com/office/drawing/2014/main" id="{75E5E538-9AF8-B696-12BA-CE285210B47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/>
        </p:nvSpPr>
        <p:spPr>
          <a:xfrm>
            <a:off x="516291" y="286079"/>
            <a:ext cx="1624163" cy="584775"/>
          </a:xfrm>
          <a:prstGeom prst="rect">
            <a:avLst/>
          </a:prstGeom>
          <a:noFill/>
          <a:ln w="25400" cap="flat" cmpd="sng" algn="ctr">
            <a:solidFill>
              <a:srgbClr val="DB0383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kumimoji="1" lang="ja-JP" altLang="en-US" sz="1400" dirty="0" err="1">
              <a:solidFill>
                <a:schemeClr val="bg1"/>
              </a:solidFill>
            </a:endParaRPr>
          </a:p>
        </p:txBody>
      </p:sp>
      <p:sp>
        <p:nvSpPr>
          <p:cNvPr id="3" name="テキスト ボックス 2">
            <a:extLst>
              <a:ext uri="{FF2B5EF4-FFF2-40B4-BE49-F238E27FC236}">
                <a16:creationId xmlns:a16="http://schemas.microsoft.com/office/drawing/2014/main" id="{0A31A93E-AEDD-9E5D-3773-B68E47495B91}"/>
              </a:ext>
            </a:extLst>
          </p:cNvPr>
          <p:cNvSpPr txBox="1"/>
          <p:nvPr/>
        </p:nvSpPr>
        <p:spPr>
          <a:xfrm>
            <a:off x="2230793" y="648041"/>
            <a:ext cx="3147015" cy="25391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kumimoji="1" lang="ja-JP" altLang="en-US" sz="1050" dirty="0"/>
              <a:t>条件表のフォントサイズは自由に変更可能です。</a:t>
            </a:r>
          </a:p>
        </p:txBody>
      </p:sp>
    </p:spTree>
    <p:extLst>
      <p:ext uri="{BB962C8B-B14F-4D97-AF65-F5344CB8AC3E}">
        <p14:creationId xmlns:p14="http://schemas.microsoft.com/office/powerpoint/2010/main" val="1028181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4083605-DCD9-1915-A9C5-02EBC6286D4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5" name="表 14">
            <a:extLst>
              <a:ext uri="{FF2B5EF4-FFF2-40B4-BE49-F238E27FC236}">
                <a16:creationId xmlns:a16="http://schemas.microsoft.com/office/drawing/2014/main" id="{235E2A28-17C1-5A1E-CA91-C8FD652113E9}"/>
              </a:ext>
            </a:extLst>
          </p:cNvPr>
          <p:cNvGraphicFramePr>
            <a:graphicFrameLocks noGrp="1" noDrilldown="1" noMove="1" noResize="1"/>
          </p:cNvGraphicFramePr>
          <p:nvPr>
            <p:extLst>
              <p:ext uri="{D42A27DB-BD31-4B8C-83A1-F6EECF244321}">
                <p14:modId xmlns:p14="http://schemas.microsoft.com/office/powerpoint/2010/main" val="3314777617"/>
              </p:ext>
            </p:extLst>
          </p:nvPr>
        </p:nvGraphicFramePr>
        <p:xfrm>
          <a:off x="495299" y="1074230"/>
          <a:ext cx="8133537" cy="1813560"/>
        </p:xfrm>
        <a:graphic>
          <a:graphicData uri="http://schemas.openxmlformats.org/drawingml/2006/table">
            <a:tbl>
              <a:tblPr firstRow="1" bandRow="1">
                <a:tableStyleId>{85BE263C-DBD7-4A20-BB59-AAB30ACAA65A}</a:tableStyleId>
              </a:tblPr>
              <a:tblGrid>
                <a:gridCol w="1111248">
                  <a:extLst>
                    <a:ext uri="{9D8B030D-6E8A-4147-A177-3AD203B41FA5}">
                      <a16:colId xmlns:a16="http://schemas.microsoft.com/office/drawing/2014/main" val="3289682361"/>
                    </a:ext>
                  </a:extLst>
                </a:gridCol>
                <a:gridCol w="1042974">
                  <a:extLst>
                    <a:ext uri="{9D8B030D-6E8A-4147-A177-3AD203B41FA5}">
                      <a16:colId xmlns:a16="http://schemas.microsoft.com/office/drawing/2014/main" val="3603561157"/>
                    </a:ext>
                  </a:extLst>
                </a:gridCol>
                <a:gridCol w="1105564">
                  <a:extLst>
                    <a:ext uri="{9D8B030D-6E8A-4147-A177-3AD203B41FA5}">
                      <a16:colId xmlns:a16="http://schemas.microsoft.com/office/drawing/2014/main" val="2099964685"/>
                    </a:ext>
                  </a:extLst>
                </a:gridCol>
                <a:gridCol w="1042974">
                  <a:extLst>
                    <a:ext uri="{9D8B030D-6E8A-4147-A177-3AD203B41FA5}">
                      <a16:colId xmlns:a16="http://schemas.microsoft.com/office/drawing/2014/main" val="3215140488"/>
                    </a:ext>
                  </a:extLst>
                </a:gridCol>
                <a:gridCol w="770918">
                  <a:extLst>
                    <a:ext uri="{9D8B030D-6E8A-4147-A177-3AD203B41FA5}">
                      <a16:colId xmlns:a16="http://schemas.microsoft.com/office/drawing/2014/main" val="1261798388"/>
                    </a:ext>
                  </a:extLst>
                </a:gridCol>
                <a:gridCol w="845167">
                  <a:extLst>
                    <a:ext uri="{9D8B030D-6E8A-4147-A177-3AD203B41FA5}">
                      <a16:colId xmlns:a16="http://schemas.microsoft.com/office/drawing/2014/main" val="903475317"/>
                    </a:ext>
                  </a:extLst>
                </a:gridCol>
                <a:gridCol w="1171718">
                  <a:extLst>
                    <a:ext uri="{9D8B030D-6E8A-4147-A177-3AD203B41FA5}">
                      <a16:colId xmlns:a16="http://schemas.microsoft.com/office/drawing/2014/main" val="3892816361"/>
                    </a:ext>
                  </a:extLst>
                </a:gridCol>
                <a:gridCol w="1042974">
                  <a:extLst>
                    <a:ext uri="{9D8B030D-6E8A-4147-A177-3AD203B41FA5}">
                      <a16:colId xmlns:a16="http://schemas.microsoft.com/office/drawing/2014/main" val="1933865002"/>
                    </a:ext>
                  </a:extLst>
                </a:gridCol>
              </a:tblGrid>
              <a:tr h="237910">
                <a:tc gridSpan="8">
                  <a:txBody>
                    <a:bodyPr/>
                    <a:lstStyle/>
                    <a:p>
                      <a:r>
                        <a:rPr kumimoji="1" lang="en-US" altLang="ja-JP" sz="1200" b="1" dirty="0">
                          <a:solidFill>
                            <a:schemeClr val="bg1"/>
                          </a:solidFill>
                        </a:rPr>
                        <a:t>Scan Protocol</a:t>
                      </a:r>
                      <a:endParaRPr kumimoji="1" lang="ja-JP" altLang="en-US" sz="12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kumimoji="1" lang="ja-JP" altLang="en-US" sz="1200" dirty="0">
                        <a:solidFill>
                          <a:srgbClr val="0B5ED7"/>
                        </a:solidFill>
                      </a:endParaRPr>
                    </a:p>
                  </a:txBody>
                  <a:tcPr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DF0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1651899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Resolution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High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Collimation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64*0.625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Pitch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1.2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1" lang="en-US" altLang="ja-JP" sz="1100" dirty="0"/>
                        <a:t>Rotation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sec/rot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0.5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2224181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Voltag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kV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100kV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 err="1"/>
                        <a:t>mAs</a:t>
                      </a:r>
                      <a:endParaRPr kumimoji="1" lang="en-US" altLang="ja-JP" sz="1100" dirty="0"/>
                    </a:p>
                    <a:p>
                      <a:pPr algn="ctr"/>
                      <a:r>
                        <a:rPr kumimoji="1" lang="en-US" altLang="ja-JP" sz="1100" dirty="0"/>
                        <a:t>[</a:t>
                      </a:r>
                      <a:r>
                        <a:rPr kumimoji="1" lang="en-US" altLang="ja-JP" sz="1100" dirty="0" err="1"/>
                        <a:t>mAs</a:t>
                      </a:r>
                      <a:r>
                        <a:rPr kumimoji="1" lang="en-US" altLang="ja-JP" sz="1100" dirty="0"/>
                        <a:t>/Slice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3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DRI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can tim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sec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3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65921108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lice Thickness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m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1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lice Increment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m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0.5mm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CTDI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</a:t>
                      </a:r>
                      <a:r>
                        <a:rPr kumimoji="1" lang="en-US" altLang="ja-JP" sz="1100" dirty="0" err="1"/>
                        <a:t>mGy</a:t>
                      </a:r>
                      <a:r>
                        <a:rPr kumimoji="1" lang="en-US" altLang="ja-JP" sz="1100" dirty="0"/>
                        <a:t>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0.14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DLP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</a:t>
                      </a:r>
                      <a:r>
                        <a:rPr kumimoji="1" lang="en-US" altLang="ja-JP" sz="1100" dirty="0" err="1"/>
                        <a:t>mGy</a:t>
                      </a:r>
                      <a:r>
                        <a:rPr kumimoji="1" lang="en-US" altLang="ja-JP" sz="1100" dirty="0"/>
                        <a:t>*cm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3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6892825"/>
                  </a:ext>
                </a:extLst>
              </a:tr>
              <a:tr h="230955"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/>
                        <a:t>再構成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Precise Image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Filter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Level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smooth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Image Definition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Soft</a:t>
                      </a:r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 </a:t>
                      </a:r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Tissue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44148114"/>
                  </a:ext>
                </a:extLst>
              </a:tr>
            </a:tbl>
          </a:graphicData>
        </a:graphic>
      </p:graphicFrame>
      <p:graphicFrame>
        <p:nvGraphicFramePr>
          <p:cNvPr id="16" name="表 15">
            <a:extLst>
              <a:ext uri="{FF2B5EF4-FFF2-40B4-BE49-F238E27FC236}">
                <a16:creationId xmlns:a16="http://schemas.microsoft.com/office/drawing/2014/main" id="{1A798B04-28CA-1438-7C38-DFB1DAE3FAA8}"/>
              </a:ext>
            </a:extLst>
          </p:cNvPr>
          <p:cNvGraphicFramePr>
            <a:graphicFrameLocks noGrp="1" noDrilldown="1" noMove="1" noResize="1"/>
          </p:cNvGraphicFramePr>
          <p:nvPr>
            <p:extLst>
              <p:ext uri="{D42A27DB-BD31-4B8C-83A1-F6EECF244321}">
                <p14:modId xmlns:p14="http://schemas.microsoft.com/office/powerpoint/2010/main" val="664598603"/>
              </p:ext>
            </p:extLst>
          </p:nvPr>
        </p:nvGraphicFramePr>
        <p:xfrm>
          <a:off x="495300" y="2939185"/>
          <a:ext cx="8133536" cy="1554480"/>
        </p:xfrm>
        <a:graphic>
          <a:graphicData uri="http://schemas.openxmlformats.org/drawingml/2006/table">
            <a:tbl>
              <a:tblPr firstRow="1" bandRow="1">
                <a:tableStyleId>{85BE263C-DBD7-4A20-BB59-AAB30ACAA65A}</a:tableStyleId>
              </a:tblPr>
              <a:tblGrid>
                <a:gridCol w="1269047">
                  <a:extLst>
                    <a:ext uri="{9D8B030D-6E8A-4147-A177-3AD203B41FA5}">
                      <a16:colId xmlns:a16="http://schemas.microsoft.com/office/drawing/2014/main" val="3289682361"/>
                    </a:ext>
                  </a:extLst>
                </a:gridCol>
                <a:gridCol w="1260713">
                  <a:extLst>
                    <a:ext uri="{9D8B030D-6E8A-4147-A177-3AD203B41FA5}">
                      <a16:colId xmlns:a16="http://schemas.microsoft.com/office/drawing/2014/main" val="3603561157"/>
                    </a:ext>
                  </a:extLst>
                </a:gridCol>
                <a:gridCol w="1354687">
                  <a:extLst>
                    <a:ext uri="{9D8B030D-6E8A-4147-A177-3AD203B41FA5}">
                      <a16:colId xmlns:a16="http://schemas.microsoft.com/office/drawing/2014/main" val="2099964685"/>
                    </a:ext>
                  </a:extLst>
                </a:gridCol>
                <a:gridCol w="1191078">
                  <a:extLst>
                    <a:ext uri="{9D8B030D-6E8A-4147-A177-3AD203B41FA5}">
                      <a16:colId xmlns:a16="http://schemas.microsoft.com/office/drawing/2014/main" val="3215140488"/>
                    </a:ext>
                  </a:extLst>
                </a:gridCol>
                <a:gridCol w="1866933">
                  <a:extLst>
                    <a:ext uri="{9D8B030D-6E8A-4147-A177-3AD203B41FA5}">
                      <a16:colId xmlns:a16="http://schemas.microsoft.com/office/drawing/2014/main" val="1261798388"/>
                    </a:ext>
                  </a:extLst>
                </a:gridCol>
                <a:gridCol w="1191078">
                  <a:extLst>
                    <a:ext uri="{9D8B030D-6E8A-4147-A177-3AD203B41FA5}">
                      <a16:colId xmlns:a16="http://schemas.microsoft.com/office/drawing/2014/main" val="903475317"/>
                    </a:ext>
                  </a:extLst>
                </a:gridCol>
              </a:tblGrid>
              <a:tr h="237910">
                <a:tc gridSpan="6">
                  <a:txBody>
                    <a:bodyPr/>
                    <a:lstStyle/>
                    <a:p>
                      <a:r>
                        <a:rPr kumimoji="1" lang="en-US" altLang="ja-JP" sz="1200" b="1" dirty="0">
                          <a:solidFill>
                            <a:schemeClr val="bg1"/>
                          </a:solidFill>
                        </a:rPr>
                        <a:t>Contrast injection Protocol</a:t>
                      </a:r>
                      <a:endParaRPr kumimoji="1" lang="ja-JP" altLang="en-US" sz="12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kumimoji="1" lang="ja-JP" altLang="en-US" sz="11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1651899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Concentration</a:t>
                      </a:r>
                    </a:p>
                    <a:p>
                      <a:pPr algn="ctr"/>
                      <a:r>
                        <a:rPr kumimoji="1" lang="ja-JP" altLang="en-US" sz="1100" dirty="0"/>
                        <a:t>造影剤濃度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Volum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L] or [</a:t>
                      </a:r>
                      <a:r>
                        <a:rPr kumimoji="1" lang="en-US" altLang="ja-JP" sz="1100" dirty="0" err="1"/>
                        <a:t>mgI</a:t>
                      </a:r>
                      <a:r>
                        <a:rPr kumimoji="1" lang="en-US" altLang="ja-JP" sz="1100" dirty="0"/>
                        <a:t>/kg] 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peed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[mL/sec] or [</a:t>
                      </a:r>
                      <a:r>
                        <a:rPr kumimoji="1" lang="en-US" altLang="ja-JP" sz="1100" dirty="0" err="1"/>
                        <a:t>mgI</a:t>
                      </a:r>
                      <a:r>
                        <a:rPr kumimoji="1" lang="en-US" altLang="ja-JP" sz="1100" dirty="0"/>
                        <a:t>/kg/sec]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2224181"/>
                  </a:ext>
                </a:extLst>
              </a:tr>
              <a:tr h="284009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aline</a:t>
                      </a:r>
                      <a:br>
                        <a:rPr kumimoji="1" lang="en-US" altLang="ja-JP" sz="1100" dirty="0"/>
                      </a:br>
                      <a:r>
                        <a:rPr kumimoji="1" lang="ja-JP" altLang="en-US" sz="1100" dirty="0"/>
                        <a:t>生理食塩水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無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aline Volume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Saline Speed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65921108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Injection method</a:t>
                      </a:r>
                      <a:endParaRPr kumimoji="1" lang="ja-JP" altLang="en-US" sz="1100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  <a:endParaRPr kumimoji="1" lang="en-US" altLang="ja-JP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Delay Time</a:t>
                      </a:r>
                    </a:p>
                    <a:p>
                      <a:pPr algn="ctr"/>
                      <a:r>
                        <a:rPr kumimoji="1" lang="en-US" altLang="ja-JP" sz="1100" dirty="0"/>
                        <a:t>/Threshold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10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/>
                        <a:t>Other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7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ja-JP" altLang="en-US" sz="1050" dirty="0">
                          <a:solidFill>
                            <a:srgbClr val="DB0383"/>
                          </a:solidFill>
                        </a:rPr>
                        <a:t>ー</a:t>
                      </a: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6892825"/>
                  </a:ext>
                </a:extLst>
              </a:tr>
            </a:tbl>
          </a:graphicData>
        </a:graphic>
      </p:graphicFrame>
      <p:graphicFrame>
        <p:nvGraphicFramePr>
          <p:cNvPr id="5" name="表 4">
            <a:extLst>
              <a:ext uri="{FF2B5EF4-FFF2-40B4-BE49-F238E27FC236}">
                <a16:creationId xmlns:a16="http://schemas.microsoft.com/office/drawing/2014/main" id="{33FE6119-596F-C938-AF10-80133D0A1AE3}"/>
              </a:ext>
            </a:extLst>
          </p:cNvPr>
          <p:cNvGraphicFramePr>
            <a:graphicFrameLocks noGrp="1" noDrilldown="1" noMove="1" noResize="1"/>
          </p:cNvGraphicFramePr>
          <p:nvPr>
            <p:extLst>
              <p:ext uri="{D42A27DB-BD31-4B8C-83A1-F6EECF244321}">
                <p14:modId xmlns:p14="http://schemas.microsoft.com/office/powerpoint/2010/main" val="1938625250"/>
              </p:ext>
            </p:extLst>
          </p:nvPr>
        </p:nvGraphicFramePr>
        <p:xfrm>
          <a:off x="5936176" y="291798"/>
          <a:ext cx="2692660" cy="610156"/>
        </p:xfrm>
        <a:graphic>
          <a:graphicData uri="http://schemas.openxmlformats.org/drawingml/2006/table">
            <a:tbl>
              <a:tblPr firstRow="1" bandRow="1">
                <a:tableStyleId>{85BE263C-DBD7-4A20-BB59-AAB30ACAA65A}</a:tableStyleId>
              </a:tblPr>
              <a:tblGrid>
                <a:gridCol w="1266707">
                  <a:extLst>
                    <a:ext uri="{9D8B030D-6E8A-4147-A177-3AD203B41FA5}">
                      <a16:colId xmlns:a16="http://schemas.microsoft.com/office/drawing/2014/main" val="3289682361"/>
                    </a:ext>
                  </a:extLst>
                </a:gridCol>
                <a:gridCol w="1425953">
                  <a:extLst>
                    <a:ext uri="{9D8B030D-6E8A-4147-A177-3AD203B41FA5}">
                      <a16:colId xmlns:a16="http://schemas.microsoft.com/office/drawing/2014/main" val="3603561157"/>
                    </a:ext>
                  </a:extLst>
                </a:gridCol>
              </a:tblGrid>
              <a:tr h="237910">
                <a:tc>
                  <a:txBody>
                    <a:bodyPr/>
                    <a:lstStyle/>
                    <a:p>
                      <a:r>
                        <a:rPr kumimoji="1" lang="en-US" altLang="ja-JP" sz="1200" b="1" dirty="0">
                          <a:solidFill>
                            <a:schemeClr val="bg1"/>
                          </a:solidFill>
                        </a:rPr>
                        <a:t>CT Scanner</a:t>
                      </a:r>
                      <a:endParaRPr kumimoji="1" lang="ja-JP" altLang="en-US" sz="12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kumimoji="1" lang="en-US" altLang="ja-JP" sz="1200" b="1" dirty="0"/>
                        <a:t>Work Station</a:t>
                      </a:r>
                      <a:endParaRPr kumimoji="1" lang="ja-JP" altLang="en-US" sz="1200" b="1" dirty="0"/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2ABB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1651899"/>
                  </a:ext>
                </a:extLst>
              </a:tr>
              <a:tr h="335836"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CT5300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1" lang="en-US" altLang="ja-JP" sz="1100" dirty="0">
                          <a:solidFill>
                            <a:srgbClr val="DB0383"/>
                          </a:solidFill>
                        </a:rPr>
                        <a:t>ISP</a:t>
                      </a:r>
                      <a:endParaRPr kumimoji="1" lang="ja-JP" altLang="en-US" sz="1100" dirty="0">
                        <a:solidFill>
                          <a:srgbClr val="DB0383"/>
                        </a:solidFill>
                      </a:endParaRPr>
                    </a:p>
                  </a:txBody>
                  <a:tcPr anchor="ctr">
                    <a:lnL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2224181"/>
                  </a:ext>
                </a:extLst>
              </a:tr>
            </a:tbl>
          </a:graphicData>
        </a:graphic>
      </p:graphicFrame>
      <p:sp>
        <p:nvSpPr>
          <p:cNvPr id="3" name="テキスト ボックス 2">
            <a:extLst>
              <a:ext uri="{FF2B5EF4-FFF2-40B4-BE49-F238E27FC236}">
                <a16:creationId xmlns:a16="http://schemas.microsoft.com/office/drawing/2014/main" id="{1A0814D4-32C6-1829-6152-043D5072E3F7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516292" y="286079"/>
            <a:ext cx="1624163" cy="58477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kumimoji="1" lang="ja-JP" altLang="en-US" sz="3200" dirty="0">
                <a:solidFill>
                  <a:srgbClr val="DB0383"/>
                </a:solidFill>
              </a:rPr>
              <a:t>記入例</a:t>
            </a:r>
            <a:r>
              <a:rPr kumimoji="1" lang="en-US" altLang="ja-JP" sz="3200" dirty="0">
                <a:solidFill>
                  <a:srgbClr val="DB0383"/>
                </a:solidFill>
              </a:rPr>
              <a:t>2</a:t>
            </a:r>
            <a:endParaRPr kumimoji="1" lang="ja-JP" altLang="en-US" sz="3200" dirty="0">
              <a:solidFill>
                <a:srgbClr val="DB0383"/>
              </a:solidFill>
            </a:endParaRPr>
          </a:p>
        </p:txBody>
      </p:sp>
      <p:sp>
        <p:nvSpPr>
          <p:cNvPr id="4" name="正方形/長方形 3">
            <a:extLst>
              <a:ext uri="{FF2B5EF4-FFF2-40B4-BE49-F238E27FC236}">
                <a16:creationId xmlns:a16="http://schemas.microsoft.com/office/drawing/2014/main" id="{808D0FD1-B9A1-D85C-B10A-84E0174CF8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/>
        </p:nvSpPr>
        <p:spPr>
          <a:xfrm>
            <a:off x="516291" y="286079"/>
            <a:ext cx="1624163" cy="584775"/>
          </a:xfrm>
          <a:prstGeom prst="rect">
            <a:avLst/>
          </a:prstGeom>
          <a:noFill/>
          <a:ln w="25400" cap="flat" cmpd="sng" algn="ctr">
            <a:solidFill>
              <a:srgbClr val="DB0383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kumimoji="1" lang="ja-JP" altLang="en-US" sz="1400" dirty="0" err="1">
              <a:solidFill>
                <a:schemeClr val="bg1"/>
              </a:solidFill>
            </a:endParaRPr>
          </a:p>
        </p:txBody>
      </p:sp>
      <p:sp>
        <p:nvSpPr>
          <p:cNvPr id="2" name="テキスト ボックス 1">
            <a:extLst>
              <a:ext uri="{FF2B5EF4-FFF2-40B4-BE49-F238E27FC236}">
                <a16:creationId xmlns:a16="http://schemas.microsoft.com/office/drawing/2014/main" id="{67AB9165-C16F-5AF8-B337-01FF6727A077}"/>
              </a:ext>
            </a:extLst>
          </p:cNvPr>
          <p:cNvSpPr txBox="1"/>
          <p:nvPr/>
        </p:nvSpPr>
        <p:spPr>
          <a:xfrm>
            <a:off x="2230793" y="648041"/>
            <a:ext cx="3147015" cy="25391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kumimoji="1" lang="ja-JP" altLang="en-US" sz="1050" dirty="0"/>
              <a:t>条件表のフォントサイズは自由に変更可能です。</a:t>
            </a:r>
          </a:p>
        </p:txBody>
      </p:sp>
    </p:spTree>
    <p:extLst>
      <p:ext uri="{BB962C8B-B14F-4D97-AF65-F5344CB8AC3E}">
        <p14:creationId xmlns:p14="http://schemas.microsoft.com/office/powerpoint/2010/main" val="28017344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heme/theme1.xml><?xml version="1.0" encoding="utf-8"?>
<a:theme xmlns:a="http://schemas.openxmlformats.org/drawingml/2006/main" name="Slide Master Only">
  <a:themeElements>
    <a:clrScheme name="Philips (2024)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E050"/>
      </a:accent4>
      <a:accent5>
        <a:srgbClr val="FA8DDC"/>
      </a:accent5>
      <a:accent6>
        <a:srgbClr val="D780FF"/>
      </a:accent6>
      <a:hlink>
        <a:srgbClr val="00619F"/>
      </a:hlink>
      <a:folHlink>
        <a:srgbClr val="00629F"/>
      </a:folHlink>
    </a:clrScheme>
    <a:fontScheme name="Calibri / MSゴシック">
      <a:majorFont>
        <a:latin typeface="Calibri"/>
        <a:ea typeface="ＭＳ ゴシック"/>
        <a:cs typeface=""/>
      </a:majorFont>
      <a:minorFont>
        <a:latin typeface="Calibri"/>
        <a:ea typeface="ＭＳ ゴシック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1440" tIns="45720" rIns="91440" bIns="4572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E0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F820F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プレゼンテーション1" id="{8D22D78F-BB81-40FF-A93E-BE10697A55C5}" vid="{6756DDB9-5997-41EE-88FA-3D688284AA10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SharedContentType xmlns="Microsoft.SharePoint.Taxonomy.ContentTypeSync" SourceId="e40374fb-a6cc-4854-989f-c1d94a7967ee" ContentTypeId="0x01" PreviousValue="false"/>
</file>

<file path=customXml/item10.xml><?xml version="1.0" encoding="utf-8"?>
<TemplafySlideTemplateConfiguration><![CDATA[{"slideVersion":1,"isValidatorEnabled":false,"isLocked":false,"elementsMetadata":[],"slideId":"974195597518045184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974195597518045187","enableDocumentContentUpdater":false,"version":"2.0"}]]></TemplafySlideTemplate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ドキュメント" ma:contentTypeID="0x010100F21C79FF3886D149A7A2D323D0CD44FA" ma:contentTypeVersion="5" ma:contentTypeDescription="新しいドキュメントを作成します。" ma:contentTypeScope="" ma:versionID="ee4f24a21663ca05e8b1bbbb72ed806f">
  <xsd:schema xmlns:xsd="http://www.w3.org/2001/XMLSchema" xmlns:xs="http://www.w3.org/2001/XMLSchema" xmlns:p="http://schemas.microsoft.com/office/2006/metadata/properties" xmlns:ns2="7b2df352-f926-4ca7-b44a-5679e1473e1b" targetNamespace="http://schemas.microsoft.com/office/2006/metadata/properties" ma:root="true" ma:fieldsID="a74b8fcb35c16c9a0d677114061a27ad" ns2:_="">
    <xsd:import namespace="7b2df352-f926-4ca7-b44a-5679e1473e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b2df352-f926-4ca7-b44a-5679e1473e1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コンテンツ タイプ"/>
        <xsd:element ref="dc:title" minOccurs="0" maxOccurs="1" ma:index="4" ma:displayName="タイトル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TemplateConfiguration><![CDATA[{"slideVersion":1,"isValidatorEnabled":false,"isLocked":false,"elementsMetadata":[],"slideId":"974195597518045186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28C673EA-CF83-4695-8A4C-332EF8251D09}">
  <ds:schemaRefs>
    <ds:schemaRef ds:uri="Microsoft.SharePoint.Taxonomy.ContentTypeSync"/>
  </ds:schemaRefs>
</ds:datastoreItem>
</file>

<file path=customXml/itemProps10.xml><?xml version="1.0" encoding="utf-8"?>
<ds:datastoreItem xmlns:ds="http://schemas.openxmlformats.org/officeDocument/2006/customXml" ds:itemID="{F37F8254-6E33-4CF0-9B16-39C7F36BD8A6}">
  <ds:schemaRefs/>
</ds:datastoreItem>
</file>

<file path=customXml/itemProps11.xml><?xml version="1.0" encoding="utf-8"?>
<ds:datastoreItem xmlns:ds="http://schemas.openxmlformats.org/officeDocument/2006/customXml" ds:itemID="{F78B89AF-2F74-46A8-B70C-AD4E9921C1EC}">
  <ds:schemaRefs/>
</ds:datastoreItem>
</file>

<file path=customXml/itemProps12.xml><?xml version="1.0" encoding="utf-8"?>
<ds:datastoreItem xmlns:ds="http://schemas.openxmlformats.org/officeDocument/2006/customXml" ds:itemID="{07310B89-248A-43D9-9E57-F0FFFE7A641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b2df352-f926-4ca7-b44a-5679e1473e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BFBCB3F7-860C-40CC-8532-A042390E68D6}">
  <ds:schemaRefs/>
</ds:datastoreItem>
</file>

<file path=customXml/itemProps3.xml><?xml version="1.0" encoding="utf-8"?>
<ds:datastoreItem xmlns:ds="http://schemas.openxmlformats.org/officeDocument/2006/customXml" ds:itemID="{CB6C5B8A-2523-4C45-96AD-58F4F0A1A742}">
  <ds:schemaRefs/>
</ds:datastoreItem>
</file>

<file path=customXml/itemProps4.xml><?xml version="1.0" encoding="utf-8"?>
<ds:datastoreItem xmlns:ds="http://schemas.openxmlformats.org/officeDocument/2006/customXml" ds:itemID="{02D352A2-7C85-4751-A466-2DA9F1503391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FF0764C-21BC-43BC-B9A4-C8EFD22A9D5C}">
  <ds:schemaRefs/>
</ds:datastoreItem>
</file>

<file path=customXml/itemProps6.xml><?xml version="1.0" encoding="utf-8"?>
<ds:datastoreItem xmlns:ds="http://schemas.openxmlformats.org/officeDocument/2006/customXml" ds:itemID="{758FF650-907C-428F-AD7B-6BA9D849A6CB}">
  <ds:schemaRefs/>
</ds:datastoreItem>
</file>

<file path=customXml/itemProps7.xml><?xml version="1.0" encoding="utf-8"?>
<ds:datastoreItem xmlns:ds="http://schemas.openxmlformats.org/officeDocument/2006/customXml" ds:itemID="{91D00BC4-43EF-4297-91F6-F5EF8606EE84}">
  <ds:schemaRefs/>
</ds:datastoreItem>
</file>

<file path=customXml/itemProps8.xml><?xml version="1.0" encoding="utf-8"?>
<ds:datastoreItem xmlns:ds="http://schemas.openxmlformats.org/officeDocument/2006/customXml" ds:itemID="{E26A7BF6-FF42-42E7-A0E0-6352C37C4B19}">
  <ds:schemaRefs/>
</ds:datastoreItem>
</file>

<file path=customXml/itemProps9.xml><?xml version="1.0" encoding="utf-8"?>
<ds:datastoreItem xmlns:ds="http://schemas.openxmlformats.org/officeDocument/2006/customXml" ds:itemID="{7A01E660-3AD1-447B-BF94-526C6936E99F}">
  <ds:schemaRefs>
    <ds:schemaRef ds:uri="http://schemas.microsoft.com/office/2006/metadata/properties"/>
    <ds:schemaRef ds:uri="http://purl.org/dc/dcmitype/"/>
    <ds:schemaRef ds:uri="http://purl.org/dc/elements/1.1/"/>
    <ds:schemaRef ds:uri="http://purl.org/dc/terms/"/>
    <ds:schemaRef ds:uri="49919dca-d9c1-492f-bd36-8a887e31a6e3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2b08455b-0c35-443a-8767-aeacb6736efc"/>
    <ds:schemaRef ds:uri="1d5a28de-17f9-4c07-b89f-29d8ecd79539"/>
    <ds:schemaRef ds:uri="http://www.w3.org/XML/1998/namespace"/>
    <ds:schemaRef ds:uri="6a158c06-7dd0-45dc-a02f-c707d9a1b637"/>
    <ds:schemaRef ds:uri="6f16026f-49cb-4adf-8bf5-97a01c8e5700"/>
  </ds:schemaRefs>
</ds:datastoreItem>
</file>

<file path=docMetadata/LabelInfo.xml><?xml version="1.0" encoding="utf-8"?>
<clbl:labelList xmlns:clbl="http://schemas.microsoft.com/office/2020/mipLabelMetadata">
  <clbl:label id="{1a407a2d-7675-4d17-8692-b3ac285306e4}" enabled="0" method="" siteId="{1a407a2d-7675-4d17-8692-b3ac285306e4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emplete 2026</Template>
  <TotalTime>0</TotalTime>
  <Words>738</Words>
  <Application>Microsoft Office PowerPoint</Application>
  <PresentationFormat>画面に合わせる (16:9)</PresentationFormat>
  <Paragraphs>237</Paragraphs>
  <Slides>11</Slides>
  <Notes>0</Notes>
  <HiddenSlides>0</HiddenSlides>
  <MMClips>0</MMClips>
  <ScaleCrop>false</ScaleCrop>
  <HeadingPairs>
    <vt:vector size="6" baseType="variant">
      <vt:variant>
        <vt:lpstr>使用されているフォント</vt:lpstr>
      </vt:variant>
      <vt:variant>
        <vt:i4>2</vt:i4>
      </vt:variant>
      <vt:variant>
        <vt:lpstr>テーマ</vt:lpstr>
      </vt:variant>
      <vt:variant>
        <vt:i4>1</vt:i4>
      </vt:variant>
      <vt:variant>
        <vt:lpstr>スライド タイトル</vt:lpstr>
      </vt:variant>
      <vt:variant>
        <vt:i4>11</vt:i4>
      </vt:variant>
    </vt:vector>
  </HeadingPairs>
  <TitlesOfParts>
    <vt:vector size="14" baseType="lpstr">
      <vt:lpstr>Arial</vt:lpstr>
      <vt:lpstr>Calibri</vt:lpstr>
      <vt:lpstr>Slide Master Only</vt:lpstr>
      <vt:lpstr>PowerPoint プレゼンテーション</vt:lpstr>
      <vt:lpstr>エントリーシート注意事項</vt:lpstr>
      <vt:lpstr>エントリーシート</vt:lpstr>
      <vt:lpstr>背景・目的 （臨床的背景・撮影上の課題・検証した内容などを簡潔に記載）</vt:lpstr>
      <vt:lpstr>PowerPoint プレゼンテーション</vt:lpstr>
      <vt:lpstr>臨床的有用点(診断・治療にどう寄与したかなど具体的に記載)</vt:lpstr>
      <vt:lpstr>発表内容に関連する条件</vt:lpstr>
      <vt:lpstr>PowerPoint プレゼンテーション</vt:lpstr>
      <vt:lpstr>PowerPoint プレゼンテーション</vt:lpstr>
      <vt:lpstr>エントリーシート提出方法について</vt:lpstr>
      <vt:lpstr>PowerPoint プレゼンテーション</vt:lpstr>
    </vt:vector>
  </TitlesOfParts>
  <Company>Philips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Kambayashi, Mari</dc:creator>
  <cp:lastModifiedBy>Kambayashi, Mari</cp:lastModifiedBy>
  <cp:revision>71</cp:revision>
  <dcterms:created xsi:type="dcterms:W3CDTF">2026-03-06T07:31:07Z</dcterms:created>
  <dcterms:modified xsi:type="dcterms:W3CDTF">2026-04-07T09:41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ContentTypeId">
    <vt:lpwstr>0x010100F21C79FF3886D149A7A2D323D0CD44FA</vt:lpwstr>
  </property>
  <property fmtid="{D5CDD505-2E9C-101B-9397-08002B2CF9AE}" pid="4" name="TemplafyTimeStamp">
    <vt:lpwstr>2024-08-05T15:08:14</vt:lpwstr>
  </property>
  <property fmtid="{D5CDD505-2E9C-101B-9397-08002B2CF9AE}" pid="5" name="TemplafyTenantId">
    <vt:lpwstr>philips</vt:lpwstr>
  </property>
  <property fmtid="{D5CDD505-2E9C-101B-9397-08002B2CF9AE}" pid="6" name="TemplafyTemplateId">
    <vt:lpwstr>974195589707727978</vt:lpwstr>
  </property>
  <property fmtid="{D5CDD505-2E9C-101B-9397-08002B2CF9AE}" pid="7" name="TemplafyUserProfileId">
    <vt:lpwstr>638010954249373572</vt:lpwstr>
  </property>
  <property fmtid="{D5CDD505-2E9C-101B-9397-08002B2CF9AE}" pid="8" name="TemplafyFromBlank">
    <vt:bool>true</vt:bool>
  </property>
  <property fmtid="{D5CDD505-2E9C-101B-9397-08002B2CF9AE}" pid="9" name="ComplianceAssetId">
    <vt:lpwstr/>
  </property>
  <property fmtid="{D5CDD505-2E9C-101B-9397-08002B2CF9AE}" pid="10" name="_ExtendedDescription">
    <vt:lpwstr/>
  </property>
  <property fmtid="{D5CDD505-2E9C-101B-9397-08002B2CF9AE}" pid="11" name="TriggerFlowInfo">
    <vt:lpwstr/>
  </property>
</Properties>
</file>